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DD593DF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ANEXO I – PROPOSTA ARTÍSTICA</w:t>
      </w:r>
    </w:p>
    <w:p w14:paraId="6596B597" w14:textId="1C140D43" w:rsidR="008B0130" w:rsidRPr="001359E0" w:rsidRDefault="00941FDA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</w:t>
      </w:r>
      <w:r w:rsidR="008B0130" w:rsidRPr="001359E0">
        <w:rPr>
          <w:rFonts w:ascii="Arial" w:hAnsi="Arial" w:cs="Arial"/>
          <w:b/>
          <w:sz w:val="20"/>
          <w:szCs w:val="20"/>
        </w:rPr>
        <w:t>OBRIGATÓRIO A TODOS PROPONENTES</w:t>
      </w:r>
      <w:r w:rsidRPr="001359E0">
        <w:rPr>
          <w:rFonts w:ascii="Arial" w:hAnsi="Arial" w:cs="Arial"/>
          <w:b/>
          <w:sz w:val="20"/>
          <w:szCs w:val="20"/>
        </w:rPr>
        <w:t>)</w:t>
      </w:r>
    </w:p>
    <w:p w14:paraId="61C14B0E" w14:textId="37B82368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PREENCHER UM FORMULÁRIO PARA CADA </w:t>
      </w:r>
      <w:r w:rsidR="00ED4C23" w:rsidRPr="001359E0">
        <w:rPr>
          <w:rFonts w:ascii="Arial" w:hAnsi="Arial" w:cs="Arial"/>
          <w:b/>
          <w:sz w:val="20"/>
          <w:szCs w:val="20"/>
        </w:rPr>
        <w:t>OBRA</w:t>
      </w:r>
      <w:r w:rsidRPr="001359E0">
        <w:rPr>
          <w:rFonts w:ascii="Arial" w:hAnsi="Arial" w:cs="Arial"/>
          <w:b/>
          <w:sz w:val="20"/>
          <w:szCs w:val="20"/>
        </w:rPr>
        <w:t xml:space="preserve"> INSCRITA</w:t>
      </w:r>
    </w:p>
    <w:tbl>
      <w:tblPr>
        <w:tblStyle w:val="SombreamentoClaro-nfase1"/>
        <w:tblW w:w="9551" w:type="dxa"/>
        <w:tblLook w:val="04A0" w:firstRow="1" w:lastRow="0" w:firstColumn="1" w:lastColumn="0" w:noHBand="0" w:noVBand="1"/>
      </w:tblPr>
      <w:tblGrid>
        <w:gridCol w:w="9551"/>
      </w:tblGrid>
      <w:tr w:rsidR="001359E0" w:rsidRPr="001359E0" w14:paraId="6568AFA4" w14:textId="77777777" w:rsidTr="008A061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9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51" w:type="dxa"/>
            <w:shd w:val="clear" w:color="auto" w:fill="C6D9F1" w:themeFill="text2" w:themeFillTint="33"/>
          </w:tcPr>
          <w:p w14:paraId="4F6932D3" w14:textId="7CA69A8F" w:rsidR="008B0130" w:rsidRPr="001359E0" w:rsidRDefault="008B0130" w:rsidP="00A7038F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</w:t>
            </w:r>
            <w:r w:rsidR="003D0216" w:rsidRPr="001359E0">
              <w:rPr>
                <w:color w:val="auto"/>
                <w:sz w:val="20"/>
                <w:szCs w:val="20"/>
              </w:rPr>
              <w:t xml:space="preserve"> NA</w:t>
            </w:r>
            <w:r w:rsidRPr="001359E0">
              <w:rPr>
                <w:color w:val="auto"/>
                <w:sz w:val="20"/>
                <w:szCs w:val="20"/>
              </w:rPr>
              <w:t xml:space="preserve"> </w:t>
            </w:r>
            <w:r w:rsidR="009C0C96" w:rsidRPr="001359E0">
              <w:rPr>
                <w:color w:val="auto"/>
                <w:sz w:val="20"/>
                <w:szCs w:val="20"/>
              </w:rPr>
              <w:t>ESTAÇÃO 2026</w:t>
            </w:r>
          </w:p>
          <w:p w14:paraId="11CFA139" w14:textId="77777777" w:rsidR="008B0130" w:rsidRPr="001359E0" w:rsidRDefault="008B0130" w:rsidP="00A7038F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 xml:space="preserve">ATIVIDADE: ARTES VISUAIS </w:t>
            </w:r>
          </w:p>
        </w:tc>
      </w:tr>
    </w:tbl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576"/>
        <w:gridCol w:w="7030"/>
      </w:tblGrid>
      <w:tr w:rsidR="001359E0" w:rsidRPr="001359E0" w14:paraId="03F6849E" w14:textId="77777777" w:rsidTr="00A7038F">
        <w:trPr>
          <w:trHeight w:val="225"/>
        </w:trPr>
        <w:tc>
          <w:tcPr>
            <w:tcW w:w="9606" w:type="dxa"/>
            <w:gridSpan w:val="2"/>
            <w:shd w:val="clear" w:color="auto" w:fill="DBE5F1" w:themeFill="accent1" w:themeFillTint="33"/>
          </w:tcPr>
          <w:p w14:paraId="7C271FA9" w14:textId="77777777" w:rsidR="008B0130" w:rsidRPr="001359E0" w:rsidRDefault="008B0130" w:rsidP="00A7038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Unidade de Interesse: SESC ESTAÇÃO SAUDADE </w:t>
            </w:r>
          </w:p>
        </w:tc>
      </w:tr>
      <w:tr w:rsidR="001359E0" w:rsidRPr="001359E0" w14:paraId="7B00BA57" w14:textId="77777777" w:rsidTr="00A7038F">
        <w:trPr>
          <w:trHeight w:val="437"/>
        </w:trPr>
        <w:tc>
          <w:tcPr>
            <w:tcW w:w="2576" w:type="dxa"/>
          </w:tcPr>
          <w:p w14:paraId="234A5C5E" w14:textId="7E20FC47" w:rsidR="008B0130" w:rsidRPr="001359E0" w:rsidRDefault="008B0130" w:rsidP="00A7038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Proponente (responsável pela inscrição) </w:t>
            </w:r>
          </w:p>
          <w:p w14:paraId="76C65A1C" w14:textId="77777777" w:rsidR="008B0130" w:rsidRPr="001359E0" w:rsidRDefault="008B0130" w:rsidP="00A7038F">
            <w:pPr>
              <w:rPr>
                <w:rFonts w:ascii="Arial" w:hAnsi="Arial" w:cs="Arial"/>
                <w:i/>
                <w:sz w:val="20"/>
                <w:szCs w:val="20"/>
              </w:rPr>
            </w:pPr>
          </w:p>
        </w:tc>
        <w:tc>
          <w:tcPr>
            <w:tcW w:w="7030" w:type="dxa"/>
          </w:tcPr>
          <w:p w14:paraId="575F3853" w14:textId="595184BB" w:rsidR="008B0130" w:rsidRPr="001359E0" w:rsidRDefault="008B0130" w:rsidP="00A7038F">
            <w:pPr>
              <w:ind w:right="317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1359E0" w:rsidRPr="001359E0" w14:paraId="343D95E1" w14:textId="77777777" w:rsidTr="00A7038F">
        <w:trPr>
          <w:trHeight w:val="648"/>
        </w:trPr>
        <w:tc>
          <w:tcPr>
            <w:tcW w:w="2576" w:type="dxa"/>
          </w:tcPr>
          <w:p w14:paraId="65F994EA" w14:textId="2DC2FF0B" w:rsidR="008B0130" w:rsidRPr="001359E0" w:rsidRDefault="009C0C96" w:rsidP="00A7038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Nome completo do(s) artista(s)</w:t>
            </w:r>
          </w:p>
        </w:tc>
        <w:tc>
          <w:tcPr>
            <w:tcW w:w="7030" w:type="dxa"/>
          </w:tcPr>
          <w:p w14:paraId="32D2B1D8" w14:textId="77777777" w:rsidR="008B0130" w:rsidRPr="001359E0" w:rsidRDefault="008B0130" w:rsidP="00A7038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57FD8754" w14:textId="77777777" w:rsidR="008B0130" w:rsidRPr="001359E0" w:rsidRDefault="008B0130" w:rsidP="00A7038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520B6D6F" w14:textId="77777777" w:rsidTr="009C0C96">
        <w:trPr>
          <w:trHeight w:val="572"/>
        </w:trPr>
        <w:tc>
          <w:tcPr>
            <w:tcW w:w="2576" w:type="dxa"/>
          </w:tcPr>
          <w:p w14:paraId="1B6B2459" w14:textId="49E81674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Nome artístico ou social do(s) artista(s) </w:t>
            </w:r>
          </w:p>
        </w:tc>
        <w:tc>
          <w:tcPr>
            <w:tcW w:w="7030" w:type="dxa"/>
          </w:tcPr>
          <w:p w14:paraId="785E3B07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4E71719D" w14:textId="77777777" w:rsidTr="009C0C96">
        <w:trPr>
          <w:trHeight w:val="552"/>
        </w:trPr>
        <w:tc>
          <w:tcPr>
            <w:tcW w:w="2576" w:type="dxa"/>
          </w:tcPr>
          <w:p w14:paraId="39ABB5F3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Título da obra </w:t>
            </w:r>
          </w:p>
        </w:tc>
        <w:tc>
          <w:tcPr>
            <w:tcW w:w="7030" w:type="dxa"/>
          </w:tcPr>
          <w:p w14:paraId="6347A428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3D19822F" w14:textId="77777777" w:rsidTr="00A7038F">
        <w:trPr>
          <w:trHeight w:val="648"/>
        </w:trPr>
        <w:tc>
          <w:tcPr>
            <w:tcW w:w="2576" w:type="dxa"/>
          </w:tcPr>
          <w:p w14:paraId="71208121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Linguagem artística </w:t>
            </w:r>
          </w:p>
          <w:p w14:paraId="0706BAD0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sz w:val="20"/>
                <w:szCs w:val="20"/>
              </w:rPr>
              <w:t xml:space="preserve">(desenho, fotografia, gravura, colagem, arte </w:t>
            </w:r>
            <w:proofErr w:type="gramStart"/>
            <w:r w:rsidRPr="001359E0">
              <w:rPr>
                <w:rFonts w:ascii="Arial" w:hAnsi="Arial" w:cs="Arial"/>
                <w:sz w:val="20"/>
                <w:szCs w:val="20"/>
              </w:rPr>
              <w:t>digital, etc.</w:t>
            </w:r>
            <w:proofErr w:type="gramEnd"/>
            <w:r w:rsidRPr="001359E0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7030" w:type="dxa"/>
          </w:tcPr>
          <w:p w14:paraId="28397FBA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40E5C4F5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49C1C24C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2947A88A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5B253C16" w14:textId="77777777" w:rsidTr="00A7038F">
        <w:trPr>
          <w:trHeight w:val="437"/>
        </w:trPr>
        <w:tc>
          <w:tcPr>
            <w:tcW w:w="2576" w:type="dxa"/>
          </w:tcPr>
          <w:p w14:paraId="16A42CED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Classificação indicativa </w:t>
            </w:r>
          </w:p>
          <w:p w14:paraId="335C507F" w14:textId="77777777" w:rsidR="009C0C96" w:rsidRPr="001359E0" w:rsidRDefault="009C0C96" w:rsidP="009C0C96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7030" w:type="dxa"/>
          </w:tcPr>
          <w:p w14:paraId="7788EE27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21B08D6D" w14:textId="77777777" w:rsidTr="009C0C96">
        <w:trPr>
          <w:trHeight w:val="1544"/>
        </w:trPr>
        <w:tc>
          <w:tcPr>
            <w:tcW w:w="2576" w:type="dxa"/>
          </w:tcPr>
          <w:p w14:paraId="3E7F03D0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Fotografia da(s) obra(s) com ficha técnica </w:t>
            </w:r>
          </w:p>
          <w:p w14:paraId="29C22B04" w14:textId="4473CC7D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sz w:val="20"/>
                <w:szCs w:val="20"/>
              </w:rPr>
              <w:t xml:space="preserve">(fotografia com título, dimensões, técnica, ano) </w:t>
            </w:r>
          </w:p>
        </w:tc>
        <w:tc>
          <w:tcPr>
            <w:tcW w:w="7030" w:type="dxa"/>
          </w:tcPr>
          <w:p w14:paraId="18F8F3E0" w14:textId="77777777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2DD2DB1E" w14:textId="77777777" w:rsidTr="00A7038F">
        <w:trPr>
          <w:trHeight w:val="1962"/>
        </w:trPr>
        <w:tc>
          <w:tcPr>
            <w:tcW w:w="2576" w:type="dxa"/>
          </w:tcPr>
          <w:p w14:paraId="0D2E5928" w14:textId="64646D78" w:rsidR="009C0C96" w:rsidRPr="001359E0" w:rsidRDefault="009C0C96" w:rsidP="009C0C9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Texto de apresentação da obra </w:t>
            </w:r>
            <w:r w:rsidRPr="001359E0">
              <w:rPr>
                <w:rFonts w:ascii="Arial" w:hAnsi="Arial" w:cs="Arial"/>
                <w:i/>
                <w:sz w:val="20"/>
                <w:szCs w:val="20"/>
              </w:rPr>
              <w:t xml:space="preserve">(sinopse, inspiração </w:t>
            </w:r>
            <w:proofErr w:type="gramStart"/>
            <w:r w:rsidRPr="001359E0">
              <w:rPr>
                <w:rFonts w:ascii="Arial" w:hAnsi="Arial" w:cs="Arial"/>
                <w:i/>
                <w:sz w:val="20"/>
                <w:szCs w:val="20"/>
              </w:rPr>
              <w:t>ou  texto</w:t>
            </w:r>
            <w:proofErr w:type="gramEnd"/>
            <w:r w:rsidRPr="001359E0">
              <w:rPr>
                <w:rFonts w:ascii="Arial" w:hAnsi="Arial" w:cs="Arial"/>
                <w:i/>
                <w:sz w:val="20"/>
                <w:szCs w:val="20"/>
              </w:rPr>
              <w:t xml:space="preserve"> curatorial, se houver)</w:t>
            </w:r>
          </w:p>
        </w:tc>
        <w:tc>
          <w:tcPr>
            <w:tcW w:w="7030" w:type="dxa"/>
          </w:tcPr>
          <w:p w14:paraId="461EFCBE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  <w:r w:rsidRPr="001359E0">
              <w:rPr>
                <w:rFonts w:ascii="Arial" w:hAnsi="Arial" w:cs="Arial"/>
                <w:sz w:val="20"/>
                <w:szCs w:val="20"/>
              </w:rPr>
              <w:t xml:space="preserve">  </w:t>
            </w:r>
          </w:p>
        </w:tc>
      </w:tr>
      <w:tr w:rsidR="001359E0" w:rsidRPr="001359E0" w14:paraId="42193561" w14:textId="77777777" w:rsidTr="00A7038F">
        <w:trPr>
          <w:trHeight w:val="1725"/>
        </w:trPr>
        <w:tc>
          <w:tcPr>
            <w:tcW w:w="2576" w:type="dxa"/>
          </w:tcPr>
          <w:p w14:paraId="0D2CDC6D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Minibio</w:t>
            </w:r>
            <w:proofErr w:type="spell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do artista para fins de divulgação </w:t>
            </w:r>
          </w:p>
        </w:tc>
        <w:tc>
          <w:tcPr>
            <w:tcW w:w="7030" w:type="dxa"/>
          </w:tcPr>
          <w:p w14:paraId="0D1102DD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14:paraId="60A793C7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17DD1BAD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187B8248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5541D41B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5972E261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27638386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2FB96ED1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77DD182C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77F53E6D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554C9275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  <w:p w14:paraId="4CDC7FA2" w14:textId="77777777" w:rsidR="009C0C96" w:rsidRPr="001359E0" w:rsidRDefault="009C0C96" w:rsidP="009C0C96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D2CED0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3D27ED01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2BBB6D1C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7FE79E6C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1943CF3A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20193756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1BCE3E1F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67193B63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58BE292F" w14:textId="77777777" w:rsidR="009C0C96" w:rsidRPr="001359E0" w:rsidRDefault="009C0C96" w:rsidP="00944616">
      <w:pPr>
        <w:spacing w:after="0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>ANEXO II – TERMO DE CESSÃO DE DIREITOS DE USO DE VOZ E IMAGEM</w:t>
      </w:r>
    </w:p>
    <w:p w14:paraId="123ED7B4" w14:textId="77777777" w:rsidR="009C0C96" w:rsidRPr="001359E0" w:rsidRDefault="009C0C96" w:rsidP="0094461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OBRIGATÓRIO A TODOS PROPONENTES)</w:t>
      </w:r>
    </w:p>
    <w:p w14:paraId="0FE5CFE3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2EAF18A2" w14:textId="77777777" w:rsidTr="00E362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10CB37DF" w14:textId="77777777" w:rsidR="003D0216" w:rsidRPr="001359E0" w:rsidRDefault="003D0216" w:rsidP="003D0216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01DDA27C" w14:textId="5F2B2553" w:rsidR="009C0C96" w:rsidRPr="001359E0" w:rsidRDefault="003D0216" w:rsidP="003D0216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4D7F1385" w14:textId="1665D691" w:rsidR="009C0C96" w:rsidRPr="001359E0" w:rsidRDefault="009C0C96" w:rsidP="00D346F8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(A ser assinado por todos os </w:t>
      </w:r>
      <w:r w:rsidR="008A0611" w:rsidRPr="001359E0">
        <w:rPr>
          <w:rFonts w:ascii="Arial" w:hAnsi="Arial" w:cs="Arial"/>
          <w:sz w:val="20"/>
          <w:szCs w:val="20"/>
        </w:rPr>
        <w:t>proponentes</w:t>
      </w:r>
      <w:r w:rsidR="009F22BB" w:rsidRPr="001359E0">
        <w:rPr>
          <w:rFonts w:ascii="Arial" w:hAnsi="Arial" w:cs="Arial"/>
          <w:sz w:val="20"/>
          <w:szCs w:val="20"/>
        </w:rPr>
        <w:t>, uma via para cada integrante da proposta</w:t>
      </w:r>
      <w:r w:rsidR="00EA36DC" w:rsidRPr="001359E0">
        <w:rPr>
          <w:rFonts w:ascii="Arial" w:hAnsi="Arial" w:cs="Arial"/>
          <w:sz w:val="20"/>
          <w:szCs w:val="20"/>
        </w:rPr>
        <w:t>.</w:t>
      </w:r>
      <w:r w:rsidRPr="001359E0">
        <w:rPr>
          <w:rFonts w:ascii="Arial" w:hAnsi="Arial" w:cs="Arial"/>
          <w:sz w:val="20"/>
          <w:szCs w:val="20"/>
        </w:rPr>
        <w:t>)</w:t>
      </w:r>
    </w:p>
    <w:p w14:paraId="1F1CB5C0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2B7557D3" w14:textId="1D365E9D" w:rsidR="009C0C96" w:rsidRPr="001359E0" w:rsidRDefault="009C0C96" w:rsidP="00A13B6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/MF(para brasileiros) sob o nº __________________ e RG (ou Passaporte) sob o nº _________________________, autorizo o uso de meu nome e minha imagem pelo SESC/PR para fins de exposição, divulgação e publicidade do trabalho artístico-</w:t>
      </w:r>
      <w:r w:rsidR="00A13B63" w:rsidRPr="001359E0">
        <w:rPr>
          <w:rFonts w:ascii="Arial" w:hAnsi="Arial" w:cs="Arial"/>
          <w:sz w:val="20"/>
          <w:szCs w:val="20"/>
        </w:rPr>
        <w:t xml:space="preserve"> c</w:t>
      </w:r>
      <w:r w:rsidRPr="001359E0">
        <w:rPr>
          <w:rFonts w:ascii="Arial" w:hAnsi="Arial" w:cs="Arial"/>
          <w:sz w:val="20"/>
          <w:szCs w:val="20"/>
        </w:rPr>
        <w:t>ultural__________________________________________________________, por tempo indeterminado.</w:t>
      </w:r>
    </w:p>
    <w:p w14:paraId="4FB701A8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3AC7793A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Estou ciente e concordo que o SESC/PR poderá, ainda, reproduzir, publicar, compartilhar com outras empresas ou banco de imagens/dados, ceder ou licenciar, no Brasil e Exterior, informações técnicas relacionadas ao trabalho artístico-cultural em evidência que contenham, no todo ou em parte, a voz e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r w:rsidRPr="001359E0">
        <w:rPr>
          <w:rFonts w:ascii="Arial" w:hAnsi="Arial" w:cs="Arial"/>
          <w:sz w:val="20"/>
          <w:szCs w:val="20"/>
        </w:rPr>
        <w:t>page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14:paraId="11826ED4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53E27CCD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Concordo, ainda, em ceder ao SESC/PR o direito de uso do trabalho artístico cultural, por período indeterminado, para finalidade de exibição em formato online, em quaisquer plataformas de exibição do SESC/PR, tais como </w:t>
      </w:r>
      <w:r w:rsidRPr="001359E0">
        <w:rPr>
          <w:rFonts w:ascii="Arial" w:hAnsi="Arial" w:cs="Arial"/>
          <w:i/>
          <w:sz w:val="20"/>
          <w:szCs w:val="20"/>
        </w:rPr>
        <w:t>site</w:t>
      </w:r>
      <w:r w:rsidRPr="001359E0">
        <w:rPr>
          <w:rFonts w:ascii="Arial" w:hAnsi="Arial" w:cs="Arial"/>
          <w:sz w:val="20"/>
          <w:szCs w:val="20"/>
        </w:rPr>
        <w:t xml:space="preserve">, canal do </w:t>
      </w:r>
      <w:proofErr w:type="gramStart"/>
      <w:r w:rsidRPr="001359E0">
        <w:rPr>
          <w:rFonts w:ascii="Arial" w:hAnsi="Arial" w:cs="Arial"/>
          <w:sz w:val="20"/>
          <w:szCs w:val="20"/>
        </w:rPr>
        <w:t>YouTube, etc.</w:t>
      </w:r>
      <w:proofErr w:type="gramEnd"/>
      <w:r w:rsidRPr="001359E0">
        <w:rPr>
          <w:rFonts w:ascii="Arial" w:hAnsi="Arial" w:cs="Arial"/>
          <w:sz w:val="20"/>
          <w:szCs w:val="20"/>
        </w:rPr>
        <w:t xml:space="preserve"> </w:t>
      </w:r>
    </w:p>
    <w:p w14:paraId="32DAB0BF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ABB54EC" w14:textId="7470F0FA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O ANEXO II – Termo de Cessão de Direito de Uso de Voz e Imagem é parte integrante edital de seleção de obras de artes visuais</w:t>
      </w:r>
      <w:r w:rsidRPr="001359E0">
        <w:rPr>
          <w:rFonts w:ascii="Arial" w:hAnsi="Arial" w:cs="Arial"/>
          <w:b/>
          <w:sz w:val="20"/>
          <w:szCs w:val="20"/>
        </w:rPr>
        <w:t xml:space="preserve"> – PROJETO ARTE</w:t>
      </w:r>
      <w:r w:rsidR="003D0216" w:rsidRPr="001359E0">
        <w:rPr>
          <w:rFonts w:ascii="Arial" w:hAnsi="Arial" w:cs="Arial"/>
          <w:b/>
          <w:sz w:val="20"/>
          <w:szCs w:val="20"/>
        </w:rPr>
        <w:t xml:space="preserve"> NA</w:t>
      </w:r>
      <w:r w:rsidRPr="001359E0">
        <w:rPr>
          <w:rFonts w:ascii="Arial" w:hAnsi="Arial" w:cs="Arial"/>
          <w:b/>
          <w:sz w:val="20"/>
          <w:szCs w:val="20"/>
        </w:rPr>
        <w:t xml:space="preserve"> ESTAÇÃO 2026</w:t>
      </w:r>
      <w:r w:rsidRPr="001359E0"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14:paraId="4FB5AACA" w14:textId="77777777" w:rsidR="009C0C96" w:rsidRPr="001359E0" w:rsidRDefault="009C0C96" w:rsidP="009C0C96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14:paraId="0765E50C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6B10B2C8" w14:textId="33457140" w:rsidR="009C0C96" w:rsidRPr="001359E0" w:rsidRDefault="009C0C96" w:rsidP="009C0C9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1359E0">
        <w:rPr>
          <w:rFonts w:ascii="Arial" w:hAnsi="Arial" w:cs="Arial"/>
          <w:sz w:val="20"/>
          <w:szCs w:val="20"/>
        </w:rPr>
        <w:t>de</w:t>
      </w:r>
      <w:proofErr w:type="spellEnd"/>
      <w:r w:rsidRPr="001359E0">
        <w:rPr>
          <w:rFonts w:ascii="Arial" w:hAnsi="Arial" w:cs="Arial"/>
          <w:sz w:val="20"/>
          <w:szCs w:val="20"/>
        </w:rPr>
        <w:t>______</w:t>
      </w:r>
      <w:r w:rsidR="00E20FDF" w:rsidRPr="001359E0">
        <w:rPr>
          <w:rFonts w:ascii="Arial" w:hAnsi="Arial" w:cs="Arial"/>
          <w:sz w:val="20"/>
          <w:szCs w:val="20"/>
        </w:rPr>
        <w:t>_</w:t>
      </w:r>
      <w:r w:rsidRPr="001359E0">
        <w:rPr>
          <w:rFonts w:ascii="Arial" w:hAnsi="Arial" w:cs="Arial"/>
          <w:sz w:val="20"/>
          <w:szCs w:val="20"/>
        </w:rPr>
        <w:t>.</w:t>
      </w:r>
    </w:p>
    <w:p w14:paraId="7AA7900C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94E240F" w14:textId="77777777" w:rsidR="009C0C96" w:rsidRPr="001359E0" w:rsidRDefault="009C0C96" w:rsidP="009C0C96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14:paraId="15CA0521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Nome e assinatura</w:t>
      </w:r>
    </w:p>
    <w:p w14:paraId="023386E1" w14:textId="77777777" w:rsidR="009C0C96" w:rsidRPr="001359E0" w:rsidRDefault="009C0C96" w:rsidP="009C0C96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0201042A" w14:textId="77777777" w:rsidR="001359E0" w:rsidRPr="001359E0" w:rsidRDefault="001359E0" w:rsidP="009C0C96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0DCA0895" w14:textId="77777777" w:rsidR="009C0C96" w:rsidRPr="001359E0" w:rsidRDefault="009C0C96" w:rsidP="009C0C96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6AA1DB3" w14:textId="77777777" w:rsidR="009C0C96" w:rsidRPr="001359E0" w:rsidRDefault="009C0C9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4B785EC3" w14:textId="4DB755A6" w:rsidR="009C0C96" w:rsidRPr="001359E0" w:rsidRDefault="009C0C96">
      <w:pPr>
        <w:rPr>
          <w:rFonts w:ascii="Arial" w:hAnsi="Arial" w:cs="Arial"/>
          <w:b/>
          <w:sz w:val="20"/>
          <w:szCs w:val="20"/>
        </w:rPr>
      </w:pPr>
    </w:p>
    <w:p w14:paraId="7C2C47C7" w14:textId="77777777" w:rsidR="0073440C" w:rsidRPr="001359E0" w:rsidRDefault="0073440C">
      <w:pPr>
        <w:rPr>
          <w:rFonts w:ascii="Arial" w:hAnsi="Arial" w:cs="Arial"/>
          <w:b/>
          <w:sz w:val="20"/>
          <w:szCs w:val="20"/>
        </w:rPr>
      </w:pPr>
    </w:p>
    <w:p w14:paraId="63D82DD0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 xml:space="preserve">ANEXO III – DECLARAÇÃO DE REPRESENTATIVIDADE </w:t>
      </w:r>
    </w:p>
    <w:p w14:paraId="77626FA2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(Obrigatório aos PROPONENTES de obras de coautoria, coletivas, representantes ou curadores - Pessoa Jurídica, MEI ou PF) </w:t>
      </w:r>
    </w:p>
    <w:p w14:paraId="16618959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488050A8" w14:textId="77777777" w:rsidTr="00E362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5406CFAC" w14:textId="77777777" w:rsidR="003D0216" w:rsidRPr="001359E0" w:rsidRDefault="003D0216" w:rsidP="003D0216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1E4E9A40" w14:textId="2459E04A" w:rsidR="009C0C96" w:rsidRPr="001359E0" w:rsidRDefault="003D0216" w:rsidP="003D0216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7DA31AD7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754993D4" w14:textId="7C096312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 xml:space="preserve">O PROPONENTE________________________________, CNPJ/CPF nº___________________, declara, sob as penas da lei, para os fins de </w:t>
      </w:r>
      <w:r w:rsidR="00E85180" w:rsidRPr="001359E0">
        <w:rPr>
          <w:rFonts w:ascii="Arial" w:hAnsi="Arial" w:cs="Arial"/>
          <w:sz w:val="21"/>
          <w:szCs w:val="21"/>
        </w:rPr>
        <w:t xml:space="preserve">seleção </w:t>
      </w:r>
      <w:r w:rsidRPr="001359E0">
        <w:rPr>
          <w:rFonts w:ascii="Arial" w:hAnsi="Arial" w:cs="Arial"/>
          <w:sz w:val="21"/>
          <w:szCs w:val="21"/>
        </w:rPr>
        <w:t xml:space="preserve">em artes visuais vinculada ao edital de </w:t>
      </w:r>
      <w:r w:rsidRPr="001359E0">
        <w:rPr>
          <w:rFonts w:ascii="Arial" w:hAnsi="Arial" w:cs="Arial"/>
          <w:b/>
          <w:sz w:val="21"/>
          <w:szCs w:val="21"/>
        </w:rPr>
        <w:t>EDITAL DE SELEÇÃO ARTE</w:t>
      </w:r>
      <w:r w:rsidR="003D0216" w:rsidRPr="001359E0">
        <w:rPr>
          <w:rFonts w:ascii="Arial" w:hAnsi="Arial" w:cs="Arial"/>
          <w:b/>
          <w:sz w:val="21"/>
          <w:szCs w:val="21"/>
        </w:rPr>
        <w:t xml:space="preserve"> NA</w:t>
      </w:r>
      <w:r w:rsidRPr="001359E0">
        <w:rPr>
          <w:rFonts w:ascii="Arial" w:hAnsi="Arial" w:cs="Arial"/>
          <w:b/>
          <w:sz w:val="21"/>
          <w:szCs w:val="21"/>
        </w:rPr>
        <w:t xml:space="preserve"> ESTAÇÃO 2026</w:t>
      </w:r>
      <w:r w:rsidRPr="001359E0">
        <w:rPr>
          <w:rFonts w:ascii="Arial" w:hAnsi="Arial" w:cs="Arial"/>
          <w:sz w:val="21"/>
          <w:szCs w:val="21"/>
        </w:rPr>
        <w:t>, que representa, em caráter de exclusividade, nesta proposta, o autor/</w:t>
      </w:r>
      <w:proofErr w:type="spellStart"/>
      <w:r w:rsidRPr="001359E0">
        <w:rPr>
          <w:rFonts w:ascii="Arial" w:hAnsi="Arial" w:cs="Arial"/>
          <w:sz w:val="21"/>
          <w:szCs w:val="21"/>
        </w:rPr>
        <w:t>co-autor</w:t>
      </w:r>
      <w:proofErr w:type="spellEnd"/>
      <w:r w:rsidRPr="001359E0">
        <w:rPr>
          <w:rFonts w:ascii="Arial" w:hAnsi="Arial" w:cs="Arial"/>
          <w:sz w:val="21"/>
          <w:szCs w:val="21"/>
        </w:rPr>
        <w:t xml:space="preserve"> ____________________________________________________, inscrita(o) no CNPJ/MF ou CPF/MF n°_____________________________________.</w:t>
      </w:r>
    </w:p>
    <w:p w14:paraId="22B9113F" w14:textId="0F2AA301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>Declara, ainda, que possui autorização expressa do autor/</w:t>
      </w:r>
      <w:proofErr w:type="spellStart"/>
      <w:proofErr w:type="gramStart"/>
      <w:r w:rsidRPr="001359E0">
        <w:rPr>
          <w:rFonts w:ascii="Arial" w:hAnsi="Arial" w:cs="Arial"/>
          <w:sz w:val="21"/>
          <w:szCs w:val="21"/>
        </w:rPr>
        <w:t>co-autor</w:t>
      </w:r>
      <w:proofErr w:type="spellEnd"/>
      <w:proofErr w:type="gramEnd"/>
      <w:r w:rsidRPr="001359E0">
        <w:rPr>
          <w:rFonts w:ascii="Arial" w:hAnsi="Arial" w:cs="Arial"/>
          <w:sz w:val="21"/>
          <w:szCs w:val="21"/>
        </w:rPr>
        <w:t xml:space="preserve"> para inscrever a obra no presente Edital, bem como, que será o responsável legal pelo repasse de todos os rendimentos oriundos da</w:t>
      </w:r>
      <w:r w:rsidR="00735055" w:rsidRPr="001359E0">
        <w:rPr>
          <w:rFonts w:ascii="Arial" w:hAnsi="Arial" w:cs="Arial"/>
          <w:sz w:val="21"/>
          <w:szCs w:val="21"/>
        </w:rPr>
        <w:t xml:space="preserve"> seleção</w:t>
      </w:r>
      <w:r w:rsidRPr="001359E0">
        <w:rPr>
          <w:rFonts w:ascii="Arial" w:hAnsi="Arial" w:cs="Arial"/>
          <w:sz w:val="21"/>
          <w:szCs w:val="21"/>
        </w:rPr>
        <w:t xml:space="preserve"> promovida pelo SESC/PR. Esta declaração terá validade durante a vigência do edital em questão. Abaixo, seguem os dados de </w:t>
      </w:r>
      <w:r w:rsidR="00B364DE" w:rsidRPr="001359E0">
        <w:rPr>
          <w:rFonts w:ascii="Arial" w:hAnsi="Arial" w:cs="Arial"/>
          <w:sz w:val="21"/>
          <w:szCs w:val="21"/>
        </w:rPr>
        <w:t>todos os autores/coautores</w:t>
      </w:r>
      <w:r w:rsidRPr="001359E0">
        <w:rPr>
          <w:rFonts w:ascii="Arial" w:hAnsi="Arial" w:cs="Arial"/>
          <w:sz w:val="21"/>
          <w:szCs w:val="21"/>
        </w:rPr>
        <w:t xml:space="preserve"> da proposta de exposição de título _______________________, contendo nome legível, CPF/MF e RG, bem como as respectivas assinaturas (iguais às dos documentos apresentados em cópia), inclusive do representante legal da empresa. Anexo a esta declaração, encaminhar as cópias de RG, CPF/MF ou CNH de </w:t>
      </w:r>
      <w:r w:rsidR="00B364DE" w:rsidRPr="001359E0">
        <w:rPr>
          <w:rFonts w:ascii="Arial" w:hAnsi="Arial" w:cs="Arial"/>
          <w:sz w:val="21"/>
          <w:szCs w:val="21"/>
        </w:rPr>
        <w:t>todos os autores/coautores</w:t>
      </w:r>
      <w:r w:rsidRPr="001359E0">
        <w:rPr>
          <w:rFonts w:ascii="Arial" w:hAnsi="Arial" w:cs="Arial"/>
          <w:sz w:val="21"/>
          <w:szCs w:val="21"/>
        </w:rPr>
        <w:t xml:space="preserve"> para conferência das assinaturas. O SESC/PR não se responsabiliza por eventuais problemas no repasse de rendimentos, aos representados.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1359E0" w:rsidRPr="001359E0" w14:paraId="25045A74" w14:textId="77777777" w:rsidTr="00E3623C">
        <w:trPr>
          <w:trHeight w:val="1328"/>
        </w:trPr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0D760A6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proofErr w:type="spellStart"/>
            <w:r w:rsidRPr="001359E0">
              <w:rPr>
                <w:rFonts w:ascii="Arial" w:hAnsi="Arial" w:cs="Arial"/>
                <w:sz w:val="21"/>
                <w:szCs w:val="21"/>
              </w:rPr>
              <w:t>Ass</w:t>
            </w:r>
            <w:proofErr w:type="spellEnd"/>
            <w:r w:rsidRPr="001359E0">
              <w:rPr>
                <w:rFonts w:ascii="Arial" w:hAnsi="Arial" w:cs="Arial"/>
                <w:sz w:val="21"/>
                <w:szCs w:val="21"/>
              </w:rPr>
              <w:t>:___________________________</w:t>
            </w:r>
          </w:p>
          <w:p w14:paraId="51A39413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Nome:</w:t>
            </w:r>
          </w:p>
          <w:p w14:paraId="0B747998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CPF/MF</w:t>
            </w:r>
          </w:p>
          <w:p w14:paraId="0E6963C9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C25C5E5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proofErr w:type="spellStart"/>
            <w:r w:rsidRPr="001359E0">
              <w:rPr>
                <w:rFonts w:ascii="Arial" w:hAnsi="Arial" w:cs="Arial"/>
                <w:sz w:val="21"/>
                <w:szCs w:val="21"/>
              </w:rPr>
              <w:t>Ass</w:t>
            </w:r>
            <w:proofErr w:type="spellEnd"/>
            <w:r w:rsidRPr="001359E0">
              <w:rPr>
                <w:rFonts w:ascii="Arial" w:hAnsi="Arial" w:cs="Arial"/>
                <w:sz w:val="21"/>
                <w:szCs w:val="21"/>
              </w:rPr>
              <w:t>:___________________________</w:t>
            </w:r>
          </w:p>
          <w:p w14:paraId="5025E504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Nome:</w:t>
            </w:r>
          </w:p>
          <w:p w14:paraId="58CFA9FC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CPF/MF</w:t>
            </w:r>
          </w:p>
          <w:p w14:paraId="31B91917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RG:</w:t>
            </w:r>
          </w:p>
        </w:tc>
      </w:tr>
    </w:tbl>
    <w:p w14:paraId="330ED87A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1359E0" w:rsidRPr="001359E0" w14:paraId="5F5733A9" w14:textId="77777777" w:rsidTr="00E3623C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B938CF8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proofErr w:type="spellStart"/>
            <w:r w:rsidRPr="001359E0">
              <w:rPr>
                <w:rFonts w:ascii="Arial" w:hAnsi="Arial" w:cs="Arial"/>
                <w:sz w:val="21"/>
                <w:szCs w:val="21"/>
              </w:rPr>
              <w:t>Ass</w:t>
            </w:r>
            <w:proofErr w:type="spellEnd"/>
            <w:r w:rsidRPr="001359E0">
              <w:rPr>
                <w:rFonts w:ascii="Arial" w:hAnsi="Arial" w:cs="Arial"/>
                <w:sz w:val="21"/>
                <w:szCs w:val="21"/>
              </w:rPr>
              <w:t>:___________________________</w:t>
            </w:r>
          </w:p>
          <w:p w14:paraId="4693FF54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Nome:</w:t>
            </w:r>
          </w:p>
          <w:p w14:paraId="36B70F4F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CPF/MF</w:t>
            </w:r>
          </w:p>
          <w:p w14:paraId="27D322B7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E7983A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proofErr w:type="spellStart"/>
            <w:r w:rsidRPr="001359E0">
              <w:rPr>
                <w:rFonts w:ascii="Arial" w:hAnsi="Arial" w:cs="Arial"/>
                <w:sz w:val="21"/>
                <w:szCs w:val="21"/>
              </w:rPr>
              <w:t>Ass</w:t>
            </w:r>
            <w:proofErr w:type="spellEnd"/>
            <w:r w:rsidRPr="001359E0">
              <w:rPr>
                <w:rFonts w:ascii="Arial" w:hAnsi="Arial" w:cs="Arial"/>
                <w:sz w:val="21"/>
                <w:szCs w:val="21"/>
              </w:rPr>
              <w:t>:___________________________</w:t>
            </w:r>
          </w:p>
          <w:p w14:paraId="74C7C96D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Nome:</w:t>
            </w:r>
          </w:p>
          <w:p w14:paraId="2F874B11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CPF/MF</w:t>
            </w:r>
          </w:p>
          <w:p w14:paraId="74579760" w14:textId="77777777" w:rsidR="009C0C96" w:rsidRPr="001359E0" w:rsidRDefault="009C0C96" w:rsidP="00E3623C">
            <w:pPr>
              <w:spacing w:after="0" w:line="360" w:lineRule="auto"/>
              <w:rPr>
                <w:rFonts w:ascii="Arial" w:hAnsi="Arial" w:cs="Arial"/>
                <w:sz w:val="21"/>
                <w:szCs w:val="21"/>
              </w:rPr>
            </w:pPr>
            <w:r w:rsidRPr="001359E0">
              <w:rPr>
                <w:rFonts w:ascii="Arial" w:hAnsi="Arial" w:cs="Arial"/>
                <w:sz w:val="21"/>
                <w:szCs w:val="21"/>
              </w:rPr>
              <w:t>RG:</w:t>
            </w:r>
          </w:p>
        </w:tc>
      </w:tr>
    </w:tbl>
    <w:p w14:paraId="2F65C8EA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 xml:space="preserve">  </w:t>
      </w:r>
    </w:p>
    <w:p w14:paraId="6ED98FC6" w14:textId="77777777" w:rsidR="009C0C96" w:rsidRPr="001359E0" w:rsidRDefault="009C0C96" w:rsidP="009C0C96">
      <w:pPr>
        <w:pBdr>
          <w:bottom w:val="single" w:sz="12" w:space="0" w:color="auto"/>
        </w:pBdr>
        <w:spacing w:after="0" w:line="360" w:lineRule="auto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 xml:space="preserve">  </w:t>
      </w:r>
    </w:p>
    <w:p w14:paraId="2B6D85CF" w14:textId="77777777" w:rsidR="009C0C96" w:rsidRPr="001359E0" w:rsidRDefault="009C0C96" w:rsidP="009C0C96">
      <w:pPr>
        <w:pBdr>
          <w:bottom w:val="single" w:sz="12" w:space="0" w:color="auto"/>
        </w:pBdr>
        <w:spacing w:after="0" w:line="360" w:lineRule="auto"/>
        <w:rPr>
          <w:rFonts w:ascii="Arial" w:hAnsi="Arial" w:cs="Arial"/>
          <w:sz w:val="21"/>
          <w:szCs w:val="21"/>
        </w:rPr>
      </w:pPr>
    </w:p>
    <w:p w14:paraId="23B318D0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>Assinatura do representante legal</w:t>
      </w:r>
    </w:p>
    <w:p w14:paraId="28CBA966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>Nome:</w:t>
      </w:r>
    </w:p>
    <w:p w14:paraId="282E6C9F" w14:textId="77777777" w:rsidR="009C0C96" w:rsidRPr="001359E0" w:rsidRDefault="009C0C96" w:rsidP="009C0C96">
      <w:pPr>
        <w:spacing w:after="0" w:line="360" w:lineRule="auto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>CPF/MF:</w:t>
      </w:r>
    </w:p>
    <w:p w14:paraId="1809DCF1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1"/>
          <w:szCs w:val="21"/>
        </w:rPr>
      </w:pPr>
      <w:r w:rsidRPr="001359E0">
        <w:rPr>
          <w:rFonts w:ascii="Arial" w:hAnsi="Arial" w:cs="Arial"/>
          <w:sz w:val="21"/>
          <w:szCs w:val="21"/>
        </w:rPr>
        <w:t xml:space="preserve">RG nº: </w:t>
      </w:r>
    </w:p>
    <w:p w14:paraId="4D6DC079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67DC145" w14:textId="77777777" w:rsidR="009C0C96" w:rsidRPr="001359E0" w:rsidRDefault="009C0C96" w:rsidP="009C0C9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578158FB" w14:textId="061788A3" w:rsidR="009C0C96" w:rsidRPr="001359E0" w:rsidRDefault="009C0C96" w:rsidP="004D66BC">
      <w:pPr>
        <w:spacing w:after="0"/>
        <w:jc w:val="center"/>
        <w:rPr>
          <w:rFonts w:ascii="Arial" w:hAnsi="Arial" w:cs="Arial"/>
          <w:b/>
          <w:bCs/>
          <w:sz w:val="18"/>
        </w:rPr>
      </w:pPr>
      <w:r w:rsidRPr="001359E0">
        <w:rPr>
          <w:rFonts w:ascii="Arial" w:hAnsi="Arial" w:cs="Arial"/>
          <w:b/>
          <w:bCs/>
          <w:sz w:val="20"/>
          <w:szCs w:val="20"/>
        </w:rPr>
        <w:br w:type="page"/>
      </w:r>
      <w:r w:rsidRPr="001359E0">
        <w:rPr>
          <w:rFonts w:ascii="Arial" w:hAnsi="Arial" w:cs="Arial"/>
          <w:b/>
          <w:bCs/>
          <w:sz w:val="20"/>
        </w:rPr>
        <w:lastRenderedPageBreak/>
        <w:t>ANEXO IV – TERMO DE CONSENTIMENTO PARA TRATAMENTO DE DADOS PESSOAIS</w:t>
      </w:r>
    </w:p>
    <w:p w14:paraId="183F6F7A" w14:textId="77777777" w:rsidR="009C0C96" w:rsidRPr="001359E0" w:rsidRDefault="009C0C96" w:rsidP="004D66BC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OBRIGATÓRIO AOS PROPONENTES PESSOA FÍSICA)</w:t>
      </w:r>
    </w:p>
    <w:p w14:paraId="54A44A13" w14:textId="77777777" w:rsidR="009C0C96" w:rsidRPr="001359E0" w:rsidRDefault="009C0C96" w:rsidP="009C0C96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0D4E68D0" w14:textId="77777777" w:rsidTr="00E362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53F1F978" w14:textId="77777777" w:rsidR="003D0216" w:rsidRPr="001359E0" w:rsidRDefault="003D0216" w:rsidP="003D0216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3BE2F7EF" w14:textId="04FC51DB" w:rsidR="009C0C96" w:rsidRPr="001359E0" w:rsidRDefault="003D0216" w:rsidP="003D0216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1417B700" w14:textId="77777777" w:rsidR="009C0C96" w:rsidRPr="001359E0" w:rsidRDefault="009C0C96" w:rsidP="009C0C96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CD440C1" w14:textId="77777777" w:rsidR="009C0C96" w:rsidRPr="001359E0" w:rsidRDefault="009C0C96" w:rsidP="009C0C96">
      <w:pPr>
        <w:ind w:left="-142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Este documento visa registrar a manifestação livre, informada e inequívoca pela qual o titular concorda com o fornecimento de seus dados pessoais para finalidade específica em conformidade com a Lei nº 13.709/2018 – Lei Geral de Proteção de Dados Pessoais (LGPD).</w:t>
      </w:r>
    </w:p>
    <w:p w14:paraId="25C53070" w14:textId="77777777" w:rsidR="009C0C96" w:rsidRPr="001359E0" w:rsidRDefault="009C0C96" w:rsidP="009C0C96">
      <w:pPr>
        <w:rPr>
          <w:rFonts w:ascii="Arial" w:hAnsi="Arial" w:cs="Arial"/>
          <w:b/>
          <w:sz w:val="20"/>
          <w:szCs w:val="20"/>
        </w:rPr>
      </w:pPr>
    </w:p>
    <w:tbl>
      <w:tblPr>
        <w:tblW w:w="9786" w:type="dxa"/>
        <w:tblInd w:w="-38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951"/>
        <w:gridCol w:w="8"/>
        <w:gridCol w:w="1977"/>
        <w:gridCol w:w="14"/>
        <w:gridCol w:w="873"/>
        <w:gridCol w:w="30"/>
        <w:gridCol w:w="974"/>
        <w:gridCol w:w="1984"/>
        <w:gridCol w:w="1975"/>
      </w:tblGrid>
      <w:tr w:rsidR="001359E0" w:rsidRPr="001359E0" w14:paraId="65F1A533" w14:textId="77777777" w:rsidTr="00E3623C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8E00A23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Nome completo:</w:t>
            </w:r>
          </w:p>
        </w:tc>
      </w:tr>
      <w:tr w:rsidR="001359E0" w:rsidRPr="001359E0" w14:paraId="6CB98696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25B701F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CPF/MF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8E8F988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PIS:</w:t>
            </w:r>
          </w:p>
        </w:tc>
      </w:tr>
      <w:tr w:rsidR="001359E0" w:rsidRPr="001359E0" w14:paraId="4657AF35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46D1176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Data de nascimento:           /            /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743927E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 </w:t>
            </w:r>
          </w:p>
        </w:tc>
      </w:tr>
      <w:tr w:rsidR="001359E0" w:rsidRPr="001359E0" w14:paraId="1288F0D7" w14:textId="77777777" w:rsidTr="00E3623C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CE97060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Endereço:</w:t>
            </w:r>
          </w:p>
        </w:tc>
      </w:tr>
      <w:tr w:rsidR="001359E0" w:rsidRPr="001359E0" w14:paraId="10030E54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A8C130B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N°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AC3438B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Complemento:</w:t>
            </w:r>
          </w:p>
        </w:tc>
      </w:tr>
      <w:tr w:rsidR="001359E0" w:rsidRPr="001359E0" w14:paraId="7C0F1E9C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0497665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CEP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D4FDE46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 </w:t>
            </w:r>
          </w:p>
        </w:tc>
      </w:tr>
      <w:tr w:rsidR="001359E0" w:rsidRPr="001359E0" w14:paraId="2FDF6020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B163830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Bairro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E766A78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Cidade:</w:t>
            </w:r>
          </w:p>
        </w:tc>
      </w:tr>
      <w:tr w:rsidR="001359E0" w:rsidRPr="001359E0" w14:paraId="04EA004B" w14:textId="77777777" w:rsidTr="00E3623C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7777FFF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Celular: </w:t>
            </w:r>
            <w:proofErr w:type="gramStart"/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(  </w:t>
            </w:r>
            <w:proofErr w:type="gramEnd"/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  )</w:t>
            </w:r>
            <w:proofErr w:type="gramEnd"/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                                    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E762158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Telefone fixo: </w:t>
            </w:r>
            <w:proofErr w:type="gramStart"/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>(    )</w:t>
            </w:r>
            <w:proofErr w:type="gramEnd"/>
          </w:p>
        </w:tc>
      </w:tr>
      <w:tr w:rsidR="001359E0" w:rsidRPr="001359E0" w14:paraId="1E1DBBEA" w14:textId="77777777" w:rsidTr="00E3623C">
        <w:trPr>
          <w:trHeight w:val="28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019F020" w14:textId="77777777" w:rsidR="009C0C96" w:rsidRPr="001359E0" w:rsidRDefault="009C0C96" w:rsidP="00E3623C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E-mail: </w:t>
            </w:r>
          </w:p>
        </w:tc>
      </w:tr>
      <w:tr w:rsidR="001359E0" w:rsidRPr="001359E0" w14:paraId="34D7F598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14:paraId="75BED400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DADOS BANCÁRIOS / Código do Banco e Nome:</w:t>
            </w:r>
          </w:p>
        </w:tc>
      </w:tr>
      <w:tr w:rsidR="001359E0" w:rsidRPr="001359E0" w14:paraId="0568D915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1959" w:type="dxa"/>
            <w:gridSpan w:val="2"/>
            <w:shd w:val="clear" w:color="auto" w:fill="auto"/>
          </w:tcPr>
          <w:p w14:paraId="5BF589C8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827" w:type="dxa"/>
            <w:gridSpan w:val="7"/>
            <w:shd w:val="clear" w:color="auto" w:fill="auto"/>
          </w:tcPr>
          <w:p w14:paraId="75B39505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24D1BD19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14:paraId="225C9C46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Agência (sem dígito):</w:t>
            </w:r>
          </w:p>
        </w:tc>
        <w:tc>
          <w:tcPr>
            <w:tcW w:w="4933" w:type="dxa"/>
            <w:gridSpan w:val="3"/>
            <w:shd w:val="clear" w:color="auto" w:fill="auto"/>
          </w:tcPr>
          <w:p w14:paraId="55E3F242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Número da Conta Bancária (com dígito):</w:t>
            </w:r>
          </w:p>
        </w:tc>
      </w:tr>
      <w:tr w:rsidR="001359E0" w:rsidRPr="001359E0" w14:paraId="1F4CC445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14:paraId="1D5029DF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4933" w:type="dxa"/>
            <w:gridSpan w:val="3"/>
            <w:shd w:val="clear" w:color="auto" w:fill="auto"/>
          </w:tcPr>
          <w:p w14:paraId="276315EC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359E0" w:rsidRPr="001359E0" w14:paraId="5D3206EC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14:paraId="5F12541F" w14:textId="77777777" w:rsidR="009C0C96" w:rsidRPr="001359E0" w:rsidRDefault="009C0C96" w:rsidP="00E3623C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Tipo de Conta Bancária (marcar X em uma opção de cada linha):</w:t>
            </w:r>
          </w:p>
        </w:tc>
      </w:tr>
      <w:tr w:rsidR="001359E0" w:rsidRPr="001359E0" w14:paraId="29359573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3950" w:type="dxa"/>
            <w:gridSpan w:val="4"/>
            <w:shd w:val="clear" w:color="auto" w:fill="auto"/>
          </w:tcPr>
          <w:p w14:paraId="63406785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Conta-Corrente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(    )</w:t>
            </w:r>
            <w:proofErr w:type="gramEnd"/>
          </w:p>
        </w:tc>
        <w:tc>
          <w:tcPr>
            <w:tcW w:w="5836" w:type="dxa"/>
            <w:gridSpan w:val="5"/>
            <w:shd w:val="clear" w:color="auto" w:fill="auto"/>
          </w:tcPr>
          <w:p w14:paraId="38D046B6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Conta-Poupança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(    )</w:t>
            </w:r>
            <w:proofErr w:type="gramEnd"/>
          </w:p>
        </w:tc>
      </w:tr>
      <w:tr w:rsidR="001359E0" w:rsidRPr="001359E0" w14:paraId="00FB404F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9786" w:type="dxa"/>
            <w:gridSpan w:val="9"/>
            <w:shd w:val="clear" w:color="auto" w:fill="auto"/>
          </w:tcPr>
          <w:p w14:paraId="07B334BF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Conta conjunta?   SIM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(    )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     NÃO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(    )</w:t>
            </w:r>
            <w:proofErr w:type="gramEnd"/>
          </w:p>
        </w:tc>
      </w:tr>
      <w:tr w:rsidR="001359E0" w:rsidRPr="001359E0" w14:paraId="191EE79F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9786" w:type="dxa"/>
            <w:gridSpan w:val="9"/>
            <w:shd w:val="clear" w:color="auto" w:fill="auto"/>
          </w:tcPr>
          <w:p w14:paraId="41DEBDAA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Operação</w:t>
            </w:r>
            <w:r w:rsidRPr="001359E0">
              <w:rPr>
                <w:rFonts w:ascii="Arial" w:hAnsi="Arial" w:cs="Arial"/>
                <w:sz w:val="20"/>
                <w:szCs w:val="20"/>
              </w:rPr>
              <w:t xml:space="preserve"> (marcar X em apenas uma opção) </w:t>
            </w:r>
            <w:r w:rsidRPr="001359E0">
              <w:rPr>
                <w:rFonts w:ascii="Arial" w:hAnsi="Arial" w:cs="Arial"/>
                <w:b/>
                <w:sz w:val="20"/>
                <w:szCs w:val="20"/>
              </w:rPr>
              <w:t>somente para clientes da Caixa Econômica Federal</w:t>
            </w:r>
          </w:p>
        </w:tc>
      </w:tr>
      <w:tr w:rsidR="001359E0" w:rsidRPr="001359E0" w14:paraId="1AFED4A1" w14:textId="77777777" w:rsidTr="00E3623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1951" w:type="dxa"/>
            <w:shd w:val="clear" w:color="auto" w:fill="auto"/>
          </w:tcPr>
          <w:p w14:paraId="51A87AEE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001  (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985" w:type="dxa"/>
            <w:gridSpan w:val="2"/>
            <w:shd w:val="clear" w:color="auto" w:fill="auto"/>
          </w:tcPr>
          <w:p w14:paraId="4780D0D4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013  (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891" w:type="dxa"/>
            <w:gridSpan w:val="4"/>
            <w:shd w:val="clear" w:color="auto" w:fill="auto"/>
          </w:tcPr>
          <w:p w14:paraId="33D84316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023  (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984" w:type="dxa"/>
            <w:shd w:val="clear" w:color="auto" w:fill="auto"/>
          </w:tcPr>
          <w:p w14:paraId="0A927651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003  (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  <w:tc>
          <w:tcPr>
            <w:tcW w:w="1975" w:type="dxa"/>
            <w:shd w:val="clear" w:color="auto" w:fill="auto"/>
          </w:tcPr>
          <w:p w14:paraId="2FD1B44E" w14:textId="77777777" w:rsidR="009C0C96" w:rsidRPr="001359E0" w:rsidRDefault="009C0C96" w:rsidP="00E3623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>022  (</w:t>
            </w:r>
            <w:proofErr w:type="gramEnd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</w:t>
            </w:r>
            <w:proofErr w:type="gramStart"/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 )</w:t>
            </w:r>
            <w:proofErr w:type="gramEnd"/>
          </w:p>
        </w:tc>
      </w:tr>
    </w:tbl>
    <w:p w14:paraId="3D2FD21F" w14:textId="77777777" w:rsidR="009C0C96" w:rsidRPr="001359E0" w:rsidRDefault="009C0C96" w:rsidP="009C0C96">
      <w:pPr>
        <w:ind w:left="-142" w:right="-142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  <w:u w:val="single"/>
        </w:rPr>
        <w:t>Atenção</w:t>
      </w:r>
      <w:r w:rsidRPr="001359E0">
        <w:rPr>
          <w:rFonts w:ascii="Arial" w:hAnsi="Arial" w:cs="Arial"/>
          <w:b/>
          <w:sz w:val="20"/>
          <w:szCs w:val="20"/>
        </w:rPr>
        <w:t>:</w:t>
      </w:r>
    </w:p>
    <w:p w14:paraId="6E9CBA7D" w14:textId="6C00F2E6" w:rsidR="009C0C96" w:rsidRPr="001359E0" w:rsidRDefault="009C0C96" w:rsidP="009C0C96">
      <w:pPr>
        <w:numPr>
          <w:ilvl w:val="0"/>
          <w:numId w:val="4"/>
        </w:numPr>
        <w:spacing w:after="0" w:line="240" w:lineRule="auto"/>
        <w:ind w:left="-142" w:right="-142" w:firstLine="0"/>
        <w:rPr>
          <w:rFonts w:ascii="Arial" w:hAnsi="Arial" w:cs="Arial"/>
          <w:b/>
          <w:strike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Não informar conta-salário, </w:t>
      </w:r>
      <w:r w:rsidR="007A0554" w:rsidRPr="001359E0">
        <w:rPr>
          <w:rFonts w:ascii="Arial" w:hAnsi="Arial" w:cs="Arial"/>
          <w:b/>
          <w:sz w:val="20"/>
          <w:szCs w:val="20"/>
        </w:rPr>
        <w:t xml:space="preserve">apenas conta corrente, para viabilizar o pagamento. </w:t>
      </w:r>
    </w:p>
    <w:p w14:paraId="0DAB3557" w14:textId="5D8C7A64" w:rsidR="009C0C96" w:rsidRPr="001359E0" w:rsidRDefault="009C0C96" w:rsidP="009C0C96">
      <w:pPr>
        <w:numPr>
          <w:ilvl w:val="0"/>
          <w:numId w:val="4"/>
        </w:numPr>
        <w:spacing w:after="0" w:line="240" w:lineRule="auto"/>
        <w:ind w:left="-142" w:right="-142" w:firstLine="0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Qualquer dado preenchido incorretamente acarretará atraso na realização do depósito.</w:t>
      </w:r>
    </w:p>
    <w:p w14:paraId="7C29FBAE" w14:textId="77777777" w:rsidR="009C0C96" w:rsidRPr="001359E0" w:rsidRDefault="009C0C96" w:rsidP="009C0C96">
      <w:pPr>
        <w:ind w:left="-142" w:right="-142"/>
        <w:rPr>
          <w:rFonts w:ascii="Arial" w:hAnsi="Arial" w:cs="Arial"/>
          <w:b/>
          <w:sz w:val="20"/>
          <w:szCs w:val="20"/>
        </w:rPr>
      </w:pPr>
    </w:p>
    <w:p w14:paraId="71A94170" w14:textId="1B5E58FF" w:rsidR="009C0C96" w:rsidRPr="001359E0" w:rsidRDefault="009C0C96" w:rsidP="009C0C96">
      <w:pPr>
        <w:ind w:left="-142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Os dados pessoais coletados serão tratados de acordo com a Lei nº 13.709/2018 – Lei Geral de Proteção de Dados Pessoais (LGPD) e utilizados pela Entidade para o fim </w:t>
      </w:r>
      <w:r w:rsidR="00EB48A8" w:rsidRPr="001359E0">
        <w:rPr>
          <w:rFonts w:ascii="Arial" w:hAnsi="Arial" w:cs="Arial"/>
          <w:sz w:val="20"/>
          <w:szCs w:val="20"/>
        </w:rPr>
        <w:t>específico</w:t>
      </w:r>
      <w:r w:rsidRPr="001359E0">
        <w:rPr>
          <w:rFonts w:ascii="Arial" w:hAnsi="Arial" w:cs="Arial"/>
          <w:sz w:val="20"/>
          <w:szCs w:val="20"/>
        </w:rPr>
        <w:t xml:space="preserve"> de cadastro, de planejamento interno </w:t>
      </w:r>
      <w:r w:rsidRPr="001359E0">
        <w:rPr>
          <w:rFonts w:ascii="Arial" w:hAnsi="Arial" w:cs="Arial"/>
          <w:sz w:val="20"/>
          <w:szCs w:val="20"/>
        </w:rPr>
        <w:lastRenderedPageBreak/>
        <w:t>de ações finalísticas e de monitoramento por órgãos de controle do Poder Público, sempre vinculadas à missão institucional do SESC/PR, sem nenhuma finalidade comercial.</w:t>
      </w:r>
    </w:p>
    <w:p w14:paraId="0F4A5357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Ao SESC/PR, é permitido manter e utilizar os dados pessoais do Titular durante todo o período contratualmente firmado para as finalidades relacionadas nesse termo e ainda após o término da contratação para cumprimento de obrigação legal ou impostas por órgãos de fiscalização, nos termos do artigo 16 da Lei n° 13.709/2018. </w:t>
      </w:r>
    </w:p>
    <w:p w14:paraId="316BF8B0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Fica o SESC/ PR responsabilizado por manter medidas de segurança, técnicas e administrativas suficientes a proteger os dados pessoais do Titular.</w:t>
      </w:r>
    </w:p>
    <w:p w14:paraId="163047BD" w14:textId="4D824408" w:rsidR="009C0C96" w:rsidRPr="001359E0" w:rsidRDefault="009C0C96" w:rsidP="009C0C96">
      <w:pPr>
        <w:ind w:left="-142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Por fim, declaro ter lido e ter sido suficientemente informado sobre o conteúdo deste Termo, responsabilizando-me por todos os dados informados acima e autorizo a utilização para realização do pagamento através de depósito na Conta Bancária acima informada, bem como, para </w:t>
      </w:r>
      <w:r w:rsidR="00283B22" w:rsidRPr="001359E0">
        <w:rPr>
          <w:rFonts w:ascii="Arial" w:hAnsi="Arial" w:cs="Arial"/>
          <w:sz w:val="20"/>
          <w:szCs w:val="20"/>
        </w:rPr>
        <w:t>minha</w:t>
      </w:r>
      <w:r w:rsidRPr="001359E0">
        <w:rPr>
          <w:rFonts w:ascii="Arial" w:hAnsi="Arial" w:cs="Arial"/>
          <w:sz w:val="20"/>
          <w:szCs w:val="20"/>
        </w:rPr>
        <w:t xml:space="preserve"> </w:t>
      </w:r>
      <w:r w:rsidR="00EB48A8" w:rsidRPr="001359E0">
        <w:rPr>
          <w:rFonts w:ascii="Arial" w:hAnsi="Arial" w:cs="Arial"/>
          <w:sz w:val="20"/>
          <w:szCs w:val="20"/>
        </w:rPr>
        <w:t xml:space="preserve">participação no projeto </w:t>
      </w:r>
      <w:r w:rsidRPr="001359E0">
        <w:rPr>
          <w:rFonts w:ascii="Arial" w:hAnsi="Arial" w:cs="Arial"/>
          <w:sz w:val="20"/>
          <w:szCs w:val="20"/>
        </w:rPr>
        <w:t>ARTE</w:t>
      </w:r>
      <w:r w:rsidR="003D0216" w:rsidRPr="001359E0">
        <w:rPr>
          <w:rFonts w:ascii="Arial" w:hAnsi="Arial" w:cs="Arial"/>
          <w:sz w:val="20"/>
          <w:szCs w:val="20"/>
        </w:rPr>
        <w:t xml:space="preserve"> NA</w:t>
      </w:r>
      <w:r w:rsidRPr="001359E0">
        <w:rPr>
          <w:rFonts w:ascii="Arial" w:hAnsi="Arial" w:cs="Arial"/>
          <w:sz w:val="20"/>
          <w:szCs w:val="20"/>
        </w:rPr>
        <w:t xml:space="preserve"> ESTAÇÃO 2026</w:t>
      </w:r>
      <w:r w:rsidR="00283B22" w:rsidRPr="001359E0">
        <w:rPr>
          <w:rFonts w:ascii="Arial" w:hAnsi="Arial" w:cs="Arial"/>
          <w:sz w:val="20"/>
          <w:szCs w:val="20"/>
        </w:rPr>
        <w:t>,</w:t>
      </w:r>
      <w:r w:rsidR="007573F5" w:rsidRPr="001359E0">
        <w:rPr>
          <w:rFonts w:ascii="Arial" w:hAnsi="Arial" w:cs="Arial"/>
          <w:sz w:val="20"/>
          <w:szCs w:val="20"/>
        </w:rPr>
        <w:t xml:space="preserve"> </w:t>
      </w:r>
      <w:r w:rsidR="001359E0" w:rsidRPr="001359E0">
        <w:rPr>
          <w:rFonts w:ascii="Arial" w:hAnsi="Arial" w:cs="Arial"/>
          <w:sz w:val="20"/>
          <w:szCs w:val="20"/>
        </w:rPr>
        <w:t xml:space="preserve">do SESC/PR, </w:t>
      </w:r>
      <w:r w:rsidR="007573F5" w:rsidRPr="001359E0">
        <w:rPr>
          <w:rFonts w:ascii="Arial" w:hAnsi="Arial" w:cs="Arial"/>
          <w:sz w:val="20"/>
          <w:szCs w:val="20"/>
        </w:rPr>
        <w:t>a ser realizad</w:t>
      </w:r>
      <w:r w:rsidR="00F1142C" w:rsidRPr="001359E0">
        <w:rPr>
          <w:rFonts w:ascii="Arial" w:hAnsi="Arial" w:cs="Arial"/>
          <w:sz w:val="20"/>
          <w:szCs w:val="20"/>
        </w:rPr>
        <w:t>a</w:t>
      </w:r>
      <w:r w:rsidR="007573F5" w:rsidRPr="001359E0">
        <w:rPr>
          <w:rFonts w:ascii="Arial" w:hAnsi="Arial" w:cs="Arial"/>
          <w:sz w:val="20"/>
          <w:szCs w:val="20"/>
        </w:rPr>
        <w:t xml:space="preserve"> no</w:t>
      </w:r>
      <w:r w:rsidR="00283B22" w:rsidRPr="001359E0">
        <w:rPr>
          <w:rFonts w:ascii="Arial" w:hAnsi="Arial" w:cs="Arial"/>
          <w:sz w:val="20"/>
          <w:szCs w:val="20"/>
        </w:rPr>
        <w:t xml:space="preserve"> </w:t>
      </w:r>
      <w:r w:rsidRPr="001359E0">
        <w:rPr>
          <w:rFonts w:ascii="Arial" w:hAnsi="Arial" w:cs="Arial"/>
          <w:sz w:val="20"/>
          <w:szCs w:val="20"/>
        </w:rPr>
        <w:t xml:space="preserve">período de vigência do Edital, no Município de Ponta Grossa, Paraná. </w:t>
      </w:r>
    </w:p>
    <w:p w14:paraId="553CE24B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sz w:val="20"/>
          <w:szCs w:val="20"/>
        </w:rPr>
      </w:pPr>
    </w:p>
    <w:p w14:paraId="1BC23FC6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06155152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7ADD67B7" w14:textId="77777777" w:rsidR="009C0C96" w:rsidRPr="001359E0" w:rsidRDefault="009C0C96" w:rsidP="009C0C96">
      <w:pPr>
        <w:ind w:left="-142" w:right="-142"/>
        <w:jc w:val="both"/>
        <w:rPr>
          <w:rFonts w:ascii="Arial" w:hAnsi="Arial" w:cs="Arial"/>
          <w:b/>
          <w:sz w:val="20"/>
          <w:szCs w:val="20"/>
        </w:rPr>
      </w:pPr>
    </w:p>
    <w:p w14:paraId="1AE0C8C6" w14:textId="77777777" w:rsidR="009C0C96" w:rsidRPr="001359E0" w:rsidRDefault="009C0C96" w:rsidP="009C0C96">
      <w:pPr>
        <w:jc w:val="center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_____________________</w:t>
      </w:r>
      <w:proofErr w:type="gramStart"/>
      <w:r w:rsidRPr="001359E0">
        <w:rPr>
          <w:rFonts w:ascii="Arial" w:hAnsi="Arial" w:cs="Arial"/>
          <w:sz w:val="20"/>
          <w:szCs w:val="20"/>
        </w:rPr>
        <w:t>_,_</w:t>
      </w:r>
      <w:proofErr w:type="gramEnd"/>
      <w:r w:rsidRPr="001359E0">
        <w:rPr>
          <w:rFonts w:ascii="Arial" w:hAnsi="Arial" w:cs="Arial"/>
          <w:sz w:val="20"/>
          <w:szCs w:val="20"/>
        </w:rPr>
        <w:t>_____/_________/20___</w:t>
      </w:r>
    </w:p>
    <w:p w14:paraId="3C831FFC" w14:textId="77777777" w:rsidR="009C0C96" w:rsidRPr="001359E0" w:rsidRDefault="009C0C96" w:rsidP="009C0C96">
      <w:pPr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                                                         Local                            Dia           Mês            Ano</w:t>
      </w:r>
    </w:p>
    <w:p w14:paraId="0D6EC80A" w14:textId="77777777" w:rsidR="009C0C96" w:rsidRPr="001359E0" w:rsidRDefault="009C0C96" w:rsidP="009C0C96">
      <w:pPr>
        <w:jc w:val="right"/>
        <w:rPr>
          <w:rFonts w:ascii="Arial" w:hAnsi="Arial" w:cs="Arial"/>
          <w:b/>
          <w:sz w:val="20"/>
          <w:szCs w:val="20"/>
        </w:rPr>
      </w:pPr>
    </w:p>
    <w:p w14:paraId="6DFCD1AA" w14:textId="77777777" w:rsidR="009C0C96" w:rsidRPr="001359E0" w:rsidRDefault="009C0C96" w:rsidP="009C0C96">
      <w:pPr>
        <w:jc w:val="right"/>
        <w:rPr>
          <w:rFonts w:ascii="Arial" w:hAnsi="Arial" w:cs="Arial"/>
          <w:b/>
          <w:sz w:val="20"/>
          <w:szCs w:val="20"/>
        </w:rPr>
      </w:pPr>
    </w:p>
    <w:p w14:paraId="17046324" w14:textId="77777777" w:rsidR="009C0C96" w:rsidRPr="001359E0" w:rsidRDefault="009C0C96" w:rsidP="009C0C96">
      <w:pPr>
        <w:jc w:val="right"/>
        <w:rPr>
          <w:rFonts w:ascii="Arial" w:hAnsi="Arial" w:cs="Arial"/>
          <w:b/>
          <w:sz w:val="20"/>
          <w:szCs w:val="20"/>
        </w:rPr>
      </w:pPr>
    </w:p>
    <w:p w14:paraId="1E5C23A3" w14:textId="77777777" w:rsidR="009C0C96" w:rsidRPr="001359E0" w:rsidRDefault="009C0C96" w:rsidP="009C0C96">
      <w:pPr>
        <w:jc w:val="right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____________________________________</w:t>
      </w:r>
    </w:p>
    <w:p w14:paraId="4FCFE999" w14:textId="77777777" w:rsidR="009C0C96" w:rsidRPr="001359E0" w:rsidRDefault="009C0C96" w:rsidP="009C0C96">
      <w:pPr>
        <w:jc w:val="center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                                                                                                       Assinatura </w:t>
      </w:r>
    </w:p>
    <w:p w14:paraId="76417410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480E6FB7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6CE09A84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7F94AE63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05F316A9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59B90D43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2B3EA233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1CE156B8" w14:textId="77777777" w:rsidR="009C0C96" w:rsidRPr="001359E0" w:rsidRDefault="009C0C96" w:rsidP="009C0C9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0BC8A2AB" w14:textId="77777777" w:rsidR="009C0C96" w:rsidRPr="001359E0" w:rsidRDefault="009C0C96" w:rsidP="009C0C96">
      <w:pPr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br w:type="page"/>
      </w:r>
    </w:p>
    <w:p w14:paraId="1482F2E4" w14:textId="35897424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 xml:space="preserve">ANEXO V – AUTORIZAÇÃO PARA DEPÓSITO </w:t>
      </w:r>
    </w:p>
    <w:p w14:paraId="7EACBF9C" w14:textId="3868880C" w:rsidR="008B0130" w:rsidRPr="001359E0" w:rsidRDefault="00A21FC6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</w:t>
      </w:r>
      <w:r w:rsidR="008B0130" w:rsidRPr="001359E0">
        <w:rPr>
          <w:rFonts w:ascii="Arial" w:hAnsi="Arial" w:cs="Arial"/>
          <w:b/>
          <w:sz w:val="20"/>
          <w:szCs w:val="20"/>
        </w:rPr>
        <w:t>OBRIGATÓRIO AOS PROPONENTES PESSOA JURÍDICA E MEI</w:t>
      </w:r>
      <w:r w:rsidRPr="001359E0">
        <w:rPr>
          <w:rFonts w:ascii="Arial" w:hAnsi="Arial" w:cs="Arial"/>
          <w:b/>
          <w:sz w:val="20"/>
          <w:szCs w:val="20"/>
        </w:rPr>
        <w:t>)</w:t>
      </w:r>
    </w:p>
    <w:p w14:paraId="443FB902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GradeClara-nfase1"/>
        <w:tblW w:w="9786" w:type="dxa"/>
        <w:tblLook w:val="0600" w:firstRow="0" w:lastRow="0" w:firstColumn="0" w:lastColumn="0" w:noHBand="1" w:noVBand="1"/>
      </w:tblPr>
      <w:tblGrid>
        <w:gridCol w:w="9786"/>
      </w:tblGrid>
      <w:tr w:rsidR="001359E0" w:rsidRPr="001359E0" w14:paraId="31B0FC7A" w14:textId="77777777" w:rsidTr="008C27FA">
        <w:trPr>
          <w:trHeight w:val="395"/>
        </w:trPr>
        <w:tc>
          <w:tcPr>
            <w:tcW w:w="9786" w:type="dxa"/>
            <w:shd w:val="clear" w:color="auto" w:fill="B8CCE4" w:themeFill="accent1" w:themeFillTint="66"/>
          </w:tcPr>
          <w:p w14:paraId="0DC57D59" w14:textId="0B57663F" w:rsidR="008B0130" w:rsidRPr="001359E0" w:rsidRDefault="008B0130" w:rsidP="00A7038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PROJETO ARTE</w:t>
            </w:r>
            <w:r w:rsidR="003D0216" w:rsidRPr="001359E0">
              <w:rPr>
                <w:rFonts w:ascii="Arial" w:hAnsi="Arial" w:cs="Arial"/>
                <w:b/>
                <w:sz w:val="20"/>
                <w:szCs w:val="20"/>
              </w:rPr>
              <w:t xml:space="preserve"> NA</w:t>
            </w:r>
            <w:r w:rsidRPr="001359E0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="008C27FA" w:rsidRPr="001359E0">
              <w:rPr>
                <w:rFonts w:ascii="Arial" w:hAnsi="Arial" w:cs="Arial"/>
                <w:b/>
                <w:sz w:val="20"/>
                <w:szCs w:val="20"/>
              </w:rPr>
              <w:t>ESTAÇÃO 2026</w:t>
            </w:r>
          </w:p>
          <w:p w14:paraId="6C66755A" w14:textId="36A8C3BA" w:rsidR="008B0130" w:rsidRPr="001359E0" w:rsidRDefault="008B0130" w:rsidP="00A7038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1359E0">
              <w:rPr>
                <w:rFonts w:ascii="Arial" w:hAnsi="Arial" w:cs="Arial"/>
                <w:b/>
                <w:sz w:val="20"/>
                <w:szCs w:val="20"/>
              </w:rPr>
              <w:t>ATIVIDADE: ARTES</w:t>
            </w:r>
            <w:r w:rsidR="008C27FA" w:rsidRPr="001359E0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1359E0">
              <w:rPr>
                <w:rFonts w:ascii="Arial" w:hAnsi="Arial" w:cs="Arial"/>
                <w:b/>
                <w:sz w:val="20"/>
                <w:szCs w:val="20"/>
              </w:rPr>
              <w:t>VISUAIS</w:t>
            </w:r>
          </w:p>
        </w:tc>
      </w:tr>
    </w:tbl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1359E0" w:rsidRPr="001359E0" w14:paraId="29D0E534" w14:textId="77777777" w:rsidTr="00A703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6DD294AE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ponente</w:t>
            </w:r>
          </w:p>
        </w:tc>
        <w:tc>
          <w:tcPr>
            <w:tcW w:w="8079" w:type="dxa"/>
            <w:shd w:val="clear" w:color="auto" w:fill="auto"/>
          </w:tcPr>
          <w:p w14:paraId="429ED88A" w14:textId="77777777" w:rsidR="008B0130" w:rsidRPr="001359E0" w:rsidRDefault="008B0130" w:rsidP="00A7038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62E5ED63" w14:textId="77777777" w:rsidR="008B0130" w:rsidRPr="001359E0" w:rsidRDefault="008B0130" w:rsidP="00A7038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6571F9BA" w14:textId="77777777" w:rsidTr="00A7038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4DF5C77E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posta</w:t>
            </w:r>
          </w:p>
          <w:p w14:paraId="68F3112D" w14:textId="77777777" w:rsidR="008B0130" w:rsidRPr="001359E0" w:rsidRDefault="008B0130" w:rsidP="00A7038F">
            <w:pPr>
              <w:rPr>
                <w:b w:val="0"/>
                <w:color w:val="auto"/>
                <w:sz w:val="20"/>
                <w:szCs w:val="20"/>
              </w:rPr>
            </w:pPr>
            <w:r w:rsidRPr="001359E0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shd w:val="clear" w:color="auto" w:fill="auto"/>
          </w:tcPr>
          <w:p w14:paraId="4FE6D479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36ED135B" w14:textId="77777777" w:rsidTr="00A7038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60863141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14:paraId="171C7EE8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3B3D3A29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57180E19" w14:textId="77777777" w:rsidTr="00A7038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400C6971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shd w:val="clear" w:color="auto" w:fill="auto"/>
          </w:tcPr>
          <w:p w14:paraId="3735F6A8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2C44665F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695055A8" w14:textId="77777777" w:rsidTr="00A7038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50E1A8C7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CNPJ/MF</w:t>
            </w:r>
          </w:p>
        </w:tc>
        <w:tc>
          <w:tcPr>
            <w:tcW w:w="8079" w:type="dxa"/>
            <w:shd w:val="clear" w:color="auto" w:fill="auto"/>
          </w:tcPr>
          <w:p w14:paraId="7C14B002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40B13523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5F09CE70" w14:textId="77777777" w:rsidTr="00A7038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49F2F4FC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shd w:val="clear" w:color="auto" w:fill="auto"/>
          </w:tcPr>
          <w:p w14:paraId="08AD310E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773FA0D4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59EE8985" w14:textId="77777777" w:rsidTr="00A7038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16418E69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14:paraId="6C00FEF3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7D41A1F1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6BCF1E98" w14:textId="77777777" w:rsidTr="00A7038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2F1E8D9B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shd w:val="clear" w:color="auto" w:fill="auto"/>
          </w:tcPr>
          <w:p w14:paraId="422B486D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118664A1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51A5911E" w14:textId="77777777" w:rsidTr="00A7038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03D5B092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14:paraId="37E3948D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30C6B1F3" w14:textId="77777777" w:rsidR="008B0130" w:rsidRPr="001359E0" w:rsidRDefault="008B0130" w:rsidP="00A7038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359E0" w:rsidRPr="001359E0" w14:paraId="68A2DA30" w14:textId="77777777" w:rsidTr="00A7038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14:paraId="57BCFD92" w14:textId="77777777" w:rsidR="008B0130" w:rsidRPr="001359E0" w:rsidRDefault="008B0130" w:rsidP="00A7038F">
            <w:pPr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shd w:val="clear" w:color="auto" w:fill="auto"/>
          </w:tcPr>
          <w:p w14:paraId="0858A36F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14:paraId="4B828130" w14:textId="77777777" w:rsidR="008B0130" w:rsidRPr="001359E0" w:rsidRDefault="008B0130" w:rsidP="00A7038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14:paraId="4A9955C7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777C942C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014D56DF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14:paraId="0F0A584B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(cargo/função) _______________________________, RG nº_____________________________________,</w:t>
      </w:r>
    </w:p>
    <w:p w14:paraId="1AEA0054" w14:textId="1978CF36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CPF/</w:t>
      </w:r>
      <w:proofErr w:type="spellStart"/>
      <w:r w:rsidRPr="001359E0">
        <w:rPr>
          <w:rFonts w:ascii="Arial" w:hAnsi="Arial" w:cs="Arial"/>
          <w:sz w:val="20"/>
          <w:szCs w:val="20"/>
        </w:rPr>
        <w:t>MFnº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_____________________, responsável legal da empresa proponente da proposta, autorizo efetuar o pagamento referente</w:t>
      </w:r>
      <w:r w:rsidR="00467819" w:rsidRPr="001359E0">
        <w:rPr>
          <w:rFonts w:ascii="Arial" w:hAnsi="Arial" w:cs="Arial"/>
          <w:sz w:val="20"/>
          <w:szCs w:val="20"/>
        </w:rPr>
        <w:t xml:space="preserve"> à participação no projeto</w:t>
      </w:r>
      <w:r w:rsidRPr="001359E0">
        <w:rPr>
          <w:rFonts w:ascii="Arial" w:hAnsi="Arial" w:cs="Arial"/>
          <w:sz w:val="20"/>
          <w:szCs w:val="20"/>
        </w:rPr>
        <w:t xml:space="preserve"> </w:t>
      </w:r>
      <w:r w:rsidR="00467819" w:rsidRPr="001359E0">
        <w:rPr>
          <w:rFonts w:ascii="Arial" w:hAnsi="Arial" w:cs="Arial"/>
          <w:sz w:val="20"/>
          <w:szCs w:val="20"/>
        </w:rPr>
        <w:t>d</w:t>
      </w:r>
      <w:r w:rsidRPr="001359E0">
        <w:rPr>
          <w:rFonts w:ascii="Arial" w:hAnsi="Arial" w:cs="Arial"/>
          <w:sz w:val="20"/>
          <w:szCs w:val="20"/>
        </w:rPr>
        <w:t xml:space="preserve">o SESC/PR por meio do </w:t>
      </w:r>
      <w:r w:rsidRPr="001359E0">
        <w:rPr>
          <w:rFonts w:ascii="Arial" w:hAnsi="Arial" w:cs="Arial"/>
          <w:b/>
          <w:sz w:val="20"/>
          <w:szCs w:val="20"/>
        </w:rPr>
        <w:t xml:space="preserve">EDITAL DE SELEÇÃO </w:t>
      </w:r>
      <w:r w:rsidR="008C27FA" w:rsidRPr="001359E0">
        <w:rPr>
          <w:rFonts w:ascii="Arial" w:hAnsi="Arial" w:cs="Arial"/>
          <w:b/>
          <w:sz w:val="20"/>
          <w:szCs w:val="20"/>
        </w:rPr>
        <w:t>ARTE</w:t>
      </w:r>
      <w:r w:rsidR="003D0216" w:rsidRPr="001359E0">
        <w:rPr>
          <w:rFonts w:ascii="Arial" w:hAnsi="Arial" w:cs="Arial"/>
          <w:b/>
          <w:sz w:val="20"/>
          <w:szCs w:val="20"/>
        </w:rPr>
        <w:t xml:space="preserve"> NA</w:t>
      </w:r>
      <w:r w:rsidRPr="001359E0">
        <w:rPr>
          <w:rFonts w:ascii="Arial" w:hAnsi="Arial" w:cs="Arial"/>
          <w:b/>
          <w:sz w:val="20"/>
          <w:szCs w:val="20"/>
        </w:rPr>
        <w:t xml:space="preserve"> ESTAÇÃO</w:t>
      </w:r>
      <w:r w:rsidR="008C27FA" w:rsidRPr="001359E0">
        <w:rPr>
          <w:rFonts w:ascii="Arial" w:hAnsi="Arial" w:cs="Arial"/>
          <w:b/>
          <w:sz w:val="20"/>
          <w:szCs w:val="20"/>
        </w:rPr>
        <w:t xml:space="preserve"> 2026</w:t>
      </w:r>
      <w:r w:rsidRPr="001359E0">
        <w:rPr>
          <w:rFonts w:ascii="Arial" w:hAnsi="Arial" w:cs="Arial"/>
          <w:sz w:val="20"/>
          <w:szCs w:val="20"/>
        </w:rPr>
        <w:t xml:space="preserve">, em depósito na Conta Bancária conforme dados acima, e de acordo com condições e normas de compras do SESC/PR. </w:t>
      </w:r>
    </w:p>
    <w:p w14:paraId="1E1B55A5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14:paraId="19B162D6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45297D4D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3B8D517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1359E0">
        <w:rPr>
          <w:rFonts w:ascii="Arial" w:hAnsi="Arial" w:cs="Arial"/>
          <w:sz w:val="20"/>
          <w:szCs w:val="20"/>
        </w:rPr>
        <w:t>de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____.</w:t>
      </w:r>
    </w:p>
    <w:p w14:paraId="44D3BAE8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09B6312C" w14:textId="77777777" w:rsidR="008B0130" w:rsidRPr="001359E0" w:rsidRDefault="008B0130" w:rsidP="008B0130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14:paraId="2D892520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Assinatura</w:t>
      </w:r>
    </w:p>
    <w:p w14:paraId="016202B0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80DC70C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399D82D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006F9E6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6ADA996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AF25640" w14:textId="77777777" w:rsidR="008C27FA" w:rsidRPr="001359E0" w:rsidRDefault="008C27FA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F4FA417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68348C87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42FFF41B" w14:textId="77777777" w:rsidR="008B0130" w:rsidRPr="001359E0" w:rsidRDefault="008B0130" w:rsidP="008B0130">
      <w:pPr>
        <w:pStyle w:val="Ttulo1"/>
        <w:jc w:val="center"/>
        <w:rPr>
          <w:rFonts w:ascii="Arial" w:hAnsi="Arial" w:cs="Arial"/>
          <w:sz w:val="20"/>
        </w:rPr>
      </w:pPr>
      <w:r w:rsidRPr="001359E0">
        <w:rPr>
          <w:rFonts w:ascii="Arial" w:hAnsi="Arial" w:cs="Arial"/>
          <w:sz w:val="20"/>
        </w:rPr>
        <w:lastRenderedPageBreak/>
        <w:t xml:space="preserve">ANEXO VI – DECLARAÇÃO SIMPLES NACIONAL </w:t>
      </w:r>
    </w:p>
    <w:p w14:paraId="70447A36" w14:textId="30EDE057" w:rsidR="008B0130" w:rsidRPr="001359E0" w:rsidRDefault="009676FE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</w:t>
      </w:r>
      <w:r w:rsidR="008B0130" w:rsidRPr="001359E0">
        <w:rPr>
          <w:rFonts w:ascii="Arial" w:hAnsi="Arial" w:cs="Arial"/>
          <w:b/>
          <w:sz w:val="20"/>
          <w:szCs w:val="20"/>
        </w:rPr>
        <w:t>OBRIGATÓRIO AOS PROPONENTES PESSOA JURÍDICA E MEI</w:t>
      </w:r>
      <w:r w:rsidRPr="001359E0">
        <w:rPr>
          <w:rFonts w:ascii="Arial" w:hAnsi="Arial" w:cs="Arial"/>
          <w:b/>
          <w:sz w:val="20"/>
          <w:szCs w:val="20"/>
        </w:rPr>
        <w:t>)</w:t>
      </w:r>
    </w:p>
    <w:p w14:paraId="0E11519F" w14:textId="77777777" w:rsidR="008B0130" w:rsidRPr="001359E0" w:rsidRDefault="008B0130" w:rsidP="008B013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1DFD2B36" w14:textId="77777777" w:rsidTr="00A703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4974F8BC" w14:textId="749C9B57" w:rsidR="008B0130" w:rsidRPr="001359E0" w:rsidRDefault="008B0130" w:rsidP="00A7038F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</w:t>
            </w:r>
            <w:r w:rsidR="003D0216" w:rsidRPr="001359E0">
              <w:rPr>
                <w:color w:val="auto"/>
                <w:sz w:val="20"/>
                <w:szCs w:val="20"/>
              </w:rPr>
              <w:t xml:space="preserve"> NA</w:t>
            </w:r>
            <w:r w:rsidR="008C27FA" w:rsidRPr="001359E0">
              <w:rPr>
                <w:color w:val="auto"/>
                <w:sz w:val="20"/>
                <w:szCs w:val="20"/>
              </w:rPr>
              <w:t xml:space="preserve"> ESTAÇÃO 2026</w:t>
            </w:r>
          </w:p>
          <w:p w14:paraId="27771213" w14:textId="77777777" w:rsidR="008B0130" w:rsidRPr="001359E0" w:rsidRDefault="008B0130" w:rsidP="00A7038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146F74F6" w14:textId="77777777" w:rsidR="008B0130" w:rsidRPr="001359E0" w:rsidRDefault="008B0130" w:rsidP="008B0130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14:paraId="12E6B9A4" w14:textId="77777777" w:rsidR="008B0130" w:rsidRPr="001359E0" w:rsidRDefault="008B0130" w:rsidP="008B0130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Da Instrução Normativa RFB n</w:t>
      </w:r>
      <w:r w:rsidRPr="001359E0">
        <w:rPr>
          <w:rFonts w:ascii="Arial" w:hAnsi="Arial" w:cs="Arial"/>
          <w:strike/>
          <w:sz w:val="20"/>
          <w:szCs w:val="20"/>
        </w:rPr>
        <w:t>º</w:t>
      </w:r>
      <w:r w:rsidRPr="001359E0">
        <w:rPr>
          <w:rFonts w:ascii="Arial" w:hAnsi="Arial" w:cs="Arial"/>
          <w:sz w:val="20"/>
          <w:szCs w:val="20"/>
        </w:rPr>
        <w:t xml:space="preserve"> 1234, de 11 de janeiro de 2012.  </w:t>
      </w:r>
    </w:p>
    <w:p w14:paraId="386C8BDD" w14:textId="77777777" w:rsidR="008B0130" w:rsidRPr="001359E0" w:rsidRDefault="008B0130" w:rsidP="008B0130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14:paraId="373E7B79" w14:textId="1BDF4750" w:rsidR="008B0130" w:rsidRPr="001359E0" w:rsidRDefault="008B0130" w:rsidP="008B0130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DECLARAÇÃO A SER APRESENTADA PELA PESSOA JURÍDICA CONSTANTE DO INCISO XI DO ART 4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="003E57A0" w:rsidRPr="001359E0">
        <w:rPr>
          <w:rFonts w:ascii="Arial" w:hAnsi="Arial" w:cs="Arial"/>
          <w:strike/>
          <w:color w:val="auto"/>
          <w:sz w:val="20"/>
        </w:rPr>
        <w:t>.</w:t>
      </w:r>
    </w:p>
    <w:p w14:paraId="731390CB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14:paraId="50A6B2A8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14:paraId="2620BB10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A empresa ......................................................, com sede na Rua..................................., nº......., bairro .................................., cidade .................................., estado .................................., inscrita no CNPJ/MF sob o nº.................................................., DECLARA ao SERVIÇO SOCIAL DO COMÉRCIO – SESC -  Administração Regional no Estado do Paraná, Curitiba-PR, CNPJ/MF 03.584.427/0001-72, para fins de não incidência na fonte do Imposto sobre a Renda da Pessoa Jurídica (IRPJ)CNPJ, da Contribuição Social sobre o Lucro Líquido (CSLL), da Contribuição para o Financiamento da Seguridade Social (</w:t>
      </w:r>
      <w:proofErr w:type="spellStart"/>
      <w:r w:rsidRPr="001359E0">
        <w:rPr>
          <w:rFonts w:ascii="Arial" w:hAnsi="Arial" w:cs="Arial"/>
          <w:color w:val="auto"/>
          <w:sz w:val="20"/>
        </w:rPr>
        <w:t>Cofins</w:t>
      </w:r>
      <w:proofErr w:type="spellEnd"/>
      <w:r w:rsidRPr="001359E0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Pr="001359E0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– Simples Nacional, de que trata o art. 12 da Lei Complementar n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Pr="001359E0">
        <w:rPr>
          <w:rFonts w:ascii="Arial" w:hAnsi="Arial" w:cs="Arial"/>
          <w:color w:val="auto"/>
          <w:sz w:val="20"/>
        </w:rPr>
        <w:t xml:space="preserve"> 123, de 14 de dezembro de 2006.</w:t>
      </w:r>
    </w:p>
    <w:p w14:paraId="50B51B18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14:paraId="4EDD5018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Para esse efeito, a declarante informa que:</w:t>
      </w:r>
    </w:p>
    <w:p w14:paraId="1B568389" w14:textId="77777777" w:rsidR="008B0130" w:rsidRPr="001359E0" w:rsidRDefault="008B0130" w:rsidP="008B0130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 xml:space="preserve">I – </w:t>
      </w:r>
      <w:proofErr w:type="gramStart"/>
      <w:r w:rsidRPr="001359E0">
        <w:rPr>
          <w:rFonts w:ascii="Arial" w:hAnsi="Arial" w:cs="Arial"/>
          <w:color w:val="auto"/>
          <w:sz w:val="20"/>
        </w:rPr>
        <w:t>preenche</w:t>
      </w:r>
      <w:proofErr w:type="gramEnd"/>
      <w:r w:rsidRPr="001359E0">
        <w:rPr>
          <w:rFonts w:ascii="Arial" w:hAnsi="Arial" w:cs="Arial"/>
          <w:color w:val="auto"/>
          <w:sz w:val="20"/>
        </w:rPr>
        <w:t xml:space="preserve"> os seguintes requisitos:</w:t>
      </w:r>
    </w:p>
    <w:p w14:paraId="6100D7F0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14:paraId="786902BA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14:paraId="6F9A9307" w14:textId="77777777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II – o signatário é representante legal desta empresa, assumindo o compromisso de informar à Secretaria da Receita Federal do Brasil e à entidade pagadora, imediatamente, eventual desenquadramento da presente situação e está ciente de que a falsidade na prestação destas informações, sem prejuízo do disposto no art. 32 da Lei n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Pr="001359E0">
        <w:rPr>
          <w:rFonts w:ascii="Arial" w:hAnsi="Arial" w:cs="Arial"/>
          <w:color w:val="auto"/>
          <w:sz w:val="20"/>
        </w:rPr>
        <w:t xml:space="preserve"> 9.430, de 1996, o sujeitará, juntamente com as demais pessoas que para ela concorrem, às penalidades previstas na legislação criminal e tributária, relativas à falsidade ideológica (art. 299 do Código Penal) e ao crime contra a ordem tributária (art. 1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Pr="001359E0">
        <w:rPr>
          <w:rFonts w:ascii="Arial" w:hAnsi="Arial" w:cs="Arial"/>
          <w:color w:val="auto"/>
          <w:sz w:val="20"/>
        </w:rPr>
        <w:t xml:space="preserve"> da Lei n</w:t>
      </w:r>
      <w:r w:rsidRPr="001359E0">
        <w:rPr>
          <w:rFonts w:ascii="Arial" w:hAnsi="Arial" w:cs="Arial"/>
          <w:strike/>
          <w:color w:val="auto"/>
          <w:sz w:val="20"/>
        </w:rPr>
        <w:t>º</w:t>
      </w:r>
      <w:r w:rsidRPr="001359E0">
        <w:rPr>
          <w:rFonts w:ascii="Arial" w:hAnsi="Arial" w:cs="Arial"/>
          <w:color w:val="auto"/>
          <w:sz w:val="20"/>
        </w:rPr>
        <w:t xml:space="preserve"> 8.137, de 27 de dezembro de 1990).</w:t>
      </w:r>
    </w:p>
    <w:p w14:paraId="18075E52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6DBA1D1E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17FC03FC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3A31863B" w14:textId="590DD240" w:rsidR="008B0130" w:rsidRPr="001359E0" w:rsidRDefault="008B0130" w:rsidP="008B013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(cidade) .................................., ...... de ........................ de 20....</w:t>
      </w:r>
      <w:r w:rsidR="003E57A0" w:rsidRPr="001359E0">
        <w:rPr>
          <w:rFonts w:ascii="Arial" w:hAnsi="Arial" w:cs="Arial"/>
          <w:color w:val="auto"/>
          <w:sz w:val="20"/>
        </w:rPr>
        <w:t>..</w:t>
      </w:r>
      <w:r w:rsidRPr="001359E0">
        <w:rPr>
          <w:rFonts w:ascii="Arial" w:hAnsi="Arial" w:cs="Arial"/>
          <w:color w:val="auto"/>
          <w:sz w:val="20"/>
        </w:rPr>
        <w:t xml:space="preserve">. </w:t>
      </w:r>
    </w:p>
    <w:p w14:paraId="18F75B4E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647678F4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300B1CA2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35562D39" w14:textId="77777777" w:rsidR="008B0130" w:rsidRPr="001359E0" w:rsidRDefault="008B0130" w:rsidP="008B013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14:paraId="4611AA4A" w14:textId="77777777" w:rsidR="008B0130" w:rsidRPr="001359E0" w:rsidRDefault="008B0130" w:rsidP="008B0130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1359E0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14:paraId="2EBEB6C5" w14:textId="77777777" w:rsidR="008B0130" w:rsidRPr="001359E0" w:rsidRDefault="008B0130" w:rsidP="008B0130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(REPRESENTANTE LEGAL DA EMPRESA)</w:t>
      </w:r>
    </w:p>
    <w:p w14:paraId="65766DE5" w14:textId="77777777" w:rsidR="008B0130" w:rsidRPr="001359E0" w:rsidRDefault="008B0130" w:rsidP="008B0130">
      <w:pPr>
        <w:spacing w:line="0" w:lineRule="atLeast"/>
        <w:rPr>
          <w:rFonts w:ascii="Arial" w:hAnsi="Arial" w:cs="Arial"/>
          <w:b/>
          <w:sz w:val="20"/>
          <w:szCs w:val="20"/>
        </w:rPr>
      </w:pPr>
    </w:p>
    <w:p w14:paraId="0B62CB3A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81B2C29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57A14A8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7776338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A2654A7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5B8A676E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2E2CFA0C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 xml:space="preserve">ANEXO VII - DETALHAMENTO TÉCNICO DO ESPAÇO EXPOSITIVO SESC ESTAÇÃO SAUDADE </w:t>
      </w: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65F0B209" w14:textId="77777777" w:rsidTr="00106FB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5C83B598" w14:textId="12A02B6B" w:rsidR="00874909" w:rsidRPr="001359E0" w:rsidRDefault="00874909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DETALH</w:t>
            </w:r>
            <w:r w:rsidR="002317B2" w:rsidRPr="001359E0">
              <w:rPr>
                <w:color w:val="auto"/>
                <w:sz w:val="20"/>
                <w:szCs w:val="20"/>
              </w:rPr>
              <w:t>A</w:t>
            </w:r>
            <w:r w:rsidRPr="001359E0">
              <w:rPr>
                <w:color w:val="auto"/>
                <w:sz w:val="20"/>
                <w:szCs w:val="20"/>
              </w:rPr>
              <w:t>MENTO TÉCNICO</w:t>
            </w:r>
          </w:p>
          <w:p w14:paraId="0EA969B9" w14:textId="76D4CB2F" w:rsidR="00874909" w:rsidRPr="001359E0" w:rsidRDefault="00874909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14499548" w14:textId="77777777" w:rsidR="00874909" w:rsidRPr="001359E0" w:rsidRDefault="00874909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59D07965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14:paraId="2DCE0384" w14:textId="77777777" w:rsidR="008B0130" w:rsidRPr="001359E0" w:rsidRDefault="008B0130" w:rsidP="008B0130">
      <w:pPr>
        <w:pStyle w:val="PargrafodaLista"/>
        <w:numPr>
          <w:ilvl w:val="0"/>
          <w:numId w:val="3"/>
        </w:numPr>
        <w:spacing w:line="360" w:lineRule="auto"/>
        <w:rPr>
          <w:rFonts w:ascii="Arial" w:eastAsia="Arial" w:hAnsi="Arial" w:cs="Arial"/>
          <w:sz w:val="20"/>
          <w:szCs w:val="20"/>
        </w:rPr>
      </w:pPr>
      <w:r w:rsidRPr="001359E0">
        <w:rPr>
          <w:rFonts w:ascii="Arial" w:eastAsia="Arial" w:hAnsi="Arial" w:cs="Arial"/>
          <w:sz w:val="20"/>
          <w:szCs w:val="20"/>
        </w:rPr>
        <w:t>Local de exposição: painéis da plataforma externa da Unidade de Serviços SESC ESTAÇÃO SAUDADE.</w:t>
      </w:r>
    </w:p>
    <w:p w14:paraId="5369A10A" w14:textId="77777777" w:rsidR="008B0130" w:rsidRPr="001359E0" w:rsidRDefault="008B0130" w:rsidP="008B0130">
      <w:pPr>
        <w:pStyle w:val="PargrafodaLista"/>
        <w:numPr>
          <w:ilvl w:val="0"/>
          <w:numId w:val="3"/>
        </w:numPr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As obras serão impressas pelo SESC/PR, em suporte e formato adequados à necessidade dos painéis expositivos, sendo 120 cm de altura e 90 cm de largura.</w:t>
      </w:r>
    </w:p>
    <w:p w14:paraId="1653DE6B" w14:textId="77777777" w:rsidR="008B0130" w:rsidRPr="001359E0" w:rsidRDefault="008B0130" w:rsidP="008B0130">
      <w:pPr>
        <w:pStyle w:val="PargrafodaLista"/>
        <w:numPr>
          <w:ilvl w:val="0"/>
          <w:numId w:val="3"/>
        </w:numPr>
        <w:rPr>
          <w:rFonts w:ascii="Arial" w:hAnsi="Arial" w:cs="Arial"/>
          <w:sz w:val="20"/>
          <w:szCs w:val="20"/>
        </w:rPr>
      </w:pPr>
      <w:r w:rsidRPr="001359E0">
        <w:rPr>
          <w:rFonts w:ascii="Arial" w:eastAsia="Arial" w:hAnsi="Arial" w:cs="Arial"/>
          <w:sz w:val="20"/>
          <w:szCs w:val="20"/>
        </w:rPr>
        <w:t>As obras</w:t>
      </w:r>
      <w:r w:rsidRPr="001359E0">
        <w:rPr>
          <w:rFonts w:ascii="Arial" w:eastAsia="Arial" w:hAnsi="Arial" w:cs="Arial"/>
          <w:b/>
          <w:sz w:val="20"/>
          <w:szCs w:val="20"/>
        </w:rPr>
        <w:t xml:space="preserve"> </w:t>
      </w:r>
      <w:r w:rsidRPr="001359E0">
        <w:rPr>
          <w:rFonts w:ascii="Arial" w:eastAsia="Arial" w:hAnsi="Arial" w:cs="Arial"/>
          <w:sz w:val="20"/>
          <w:szCs w:val="20"/>
        </w:rPr>
        <w:t xml:space="preserve">serão fixadas na parte interna do painel abaixo indicado (fig. 1). </w:t>
      </w:r>
    </w:p>
    <w:p w14:paraId="2A8863EC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noProof/>
          <w:sz w:val="20"/>
          <w:szCs w:val="20"/>
          <w:lang w:eastAsia="pt-BR"/>
        </w:rPr>
        <w:drawing>
          <wp:inline distT="0" distB="0" distL="0" distR="0" wp14:anchorId="1CE4A29B" wp14:editId="0A3EDD24">
            <wp:extent cx="6045959" cy="2819048"/>
            <wp:effectExtent l="0" t="0" r="0" b="635"/>
            <wp:docPr id="1" name="Imagem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7"/>
                    <a:srcRect l="10025" t="16315" r="4331" b="12688"/>
                    <a:stretch/>
                  </pic:blipFill>
                  <pic:spPr bwMode="auto">
                    <a:xfrm>
                      <a:off x="0" y="0"/>
                      <a:ext cx="6053320" cy="28224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D6E1F4A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noProof/>
          <w:sz w:val="20"/>
          <w:szCs w:val="20"/>
          <w:lang w:eastAsia="pt-BR"/>
        </w:rPr>
        <w:drawing>
          <wp:inline distT="0" distB="0" distL="0" distR="0" wp14:anchorId="28B676D6" wp14:editId="7AF9B187">
            <wp:extent cx="5551009" cy="3084844"/>
            <wp:effectExtent l="0" t="0" r="0" b="1270"/>
            <wp:docPr id="5" name="Imagem 5" descr="D:\Usuarios\s15360\Desktop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uarios\s15360\Desktop\4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91797" cy="31075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4B32976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14:paraId="384A4399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noProof/>
          <w:sz w:val="20"/>
          <w:szCs w:val="20"/>
          <w:lang w:eastAsia="pt-BR"/>
        </w:rPr>
        <w:lastRenderedPageBreak/>
        <w:drawing>
          <wp:inline distT="0" distB="0" distL="0" distR="0" wp14:anchorId="581C7450" wp14:editId="56A70D08">
            <wp:extent cx="5353050" cy="3012239"/>
            <wp:effectExtent l="0" t="0" r="0" b="0"/>
            <wp:docPr id="7" name="Imagem 7" descr="D:\Usuarios\s15360\Desktop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D:\Usuarios\s15360\Desktop\1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5034" cy="30302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410131C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14:paraId="47B9DA6F" w14:textId="77777777" w:rsidR="008B0130" w:rsidRPr="001359E0" w:rsidRDefault="008B0130" w:rsidP="008B0130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14:paraId="3FFDB62E" w14:textId="77777777" w:rsidR="008B0130" w:rsidRPr="001359E0" w:rsidRDefault="008B0130" w:rsidP="008B0130">
      <w:pPr>
        <w:jc w:val="center"/>
        <w:rPr>
          <w:rFonts w:ascii="Arial" w:hAnsi="Arial" w:cs="Arial"/>
          <w:b/>
          <w:strike/>
          <w:sz w:val="20"/>
          <w:szCs w:val="20"/>
        </w:rPr>
      </w:pPr>
      <w:r w:rsidRPr="001359E0">
        <w:rPr>
          <w:rFonts w:ascii="Arial" w:hAnsi="Arial" w:cs="Arial"/>
          <w:b/>
          <w:strike/>
          <w:noProof/>
          <w:sz w:val="20"/>
          <w:szCs w:val="20"/>
          <w:lang w:eastAsia="pt-BR"/>
        </w:rPr>
        <w:drawing>
          <wp:inline distT="0" distB="0" distL="0" distR="0" wp14:anchorId="61ABE24B" wp14:editId="44736946">
            <wp:extent cx="2529016" cy="4537847"/>
            <wp:effectExtent l="0" t="0" r="5080" b="0"/>
            <wp:docPr id="12" name="Imagem 12" descr="R:\GCT\04 Editais e Processos de Contratação\Editais de Seleção e Credenciamento\2021\Artes Visuais\Artesesc 2021 Estação Saudade\Imagem_edit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GCT\04 Editais e Processos de Contratação\Editais de Seleção e Credenciamento\2021\Artes Visuais\Artesesc 2021 Estação Saudade\Imagem_edital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9016" cy="45378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342E519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trike/>
          <w:noProof/>
          <w:sz w:val="20"/>
          <w:szCs w:val="20"/>
          <w:lang w:eastAsia="pt-BR"/>
        </w:rPr>
        <w:lastRenderedPageBreak/>
        <w:drawing>
          <wp:inline distT="0" distB="0" distL="0" distR="0" wp14:anchorId="39FD6B2F" wp14:editId="2E21096D">
            <wp:extent cx="2603461" cy="4538950"/>
            <wp:effectExtent l="0" t="0" r="6985" b="0"/>
            <wp:docPr id="10" name="Imagem 10" descr="D:\Usuarios\s15360\Desktop\6,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Usuarios\s15360\Desktop\6,1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2730" cy="4537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359E0">
        <w:rPr>
          <w:rFonts w:ascii="Arial" w:hAnsi="Arial" w:cs="Arial"/>
          <w:noProof/>
          <w:sz w:val="20"/>
          <w:szCs w:val="20"/>
          <w:lang w:eastAsia="pt-BR"/>
        </w:rPr>
        <w:drawing>
          <wp:inline distT="0" distB="0" distL="0" distR="0" wp14:anchorId="56E12038" wp14:editId="25AE6337">
            <wp:extent cx="3635713" cy="2431701"/>
            <wp:effectExtent l="0" t="0" r="3175" b="6985"/>
            <wp:docPr id="8" name="Imagem 8" descr="D:\Usuarios\s15360\Desktop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D:\Usuarios\s15360\Desktop\5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9402" cy="24408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5B9027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2BB5F81F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7EFC8078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37D9792D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2D0A774F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058FE1E0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</w:p>
    <w:p w14:paraId="7BD90F7C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>ANEXO VIII – CARTA DE ACEITE</w:t>
      </w:r>
    </w:p>
    <w:p w14:paraId="51340254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A ser assinada somente pelos artistas selecionados)</w:t>
      </w:r>
    </w:p>
    <w:p w14:paraId="5FD3D616" w14:textId="77777777" w:rsidR="00941FDA" w:rsidRPr="001359E0" w:rsidRDefault="00941FDA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3CB9407A" w14:textId="77777777" w:rsidTr="00106FB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7AEB462A" w14:textId="77777777" w:rsidR="00941FDA" w:rsidRPr="001359E0" w:rsidRDefault="00941FDA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2EEFB32B" w14:textId="77777777" w:rsidR="00941FDA" w:rsidRPr="001359E0" w:rsidRDefault="00941FDA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244EB7BB" w14:textId="77777777" w:rsidR="00941FDA" w:rsidRPr="001359E0" w:rsidRDefault="00941FDA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76A49291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AO </w:t>
      </w:r>
    </w:p>
    <w:p w14:paraId="2297CCF9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SERVIÇO SOCIAL DO COMÉRCIO – Unidade de Serviços SESC ESTAÇÃO SAUDADE: </w:t>
      </w:r>
    </w:p>
    <w:p w14:paraId="349F2F85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9EECA98" w14:textId="77777777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38DF1BC9" w14:textId="19F0F400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Em atendimento ao disposto no </w:t>
      </w:r>
      <w:r w:rsidRPr="001359E0">
        <w:rPr>
          <w:rFonts w:ascii="Arial" w:hAnsi="Arial" w:cs="Arial"/>
          <w:b/>
          <w:sz w:val="20"/>
          <w:szCs w:val="20"/>
        </w:rPr>
        <w:t xml:space="preserve">EDITAL DE SELEÇÃO </w:t>
      </w:r>
      <w:r w:rsidR="008C27FA" w:rsidRPr="001359E0">
        <w:rPr>
          <w:rFonts w:ascii="Arial" w:hAnsi="Arial" w:cs="Arial"/>
          <w:b/>
          <w:sz w:val="20"/>
          <w:szCs w:val="20"/>
        </w:rPr>
        <w:t>ARTE</w:t>
      </w:r>
      <w:r w:rsidR="003D0216" w:rsidRPr="001359E0">
        <w:rPr>
          <w:rFonts w:ascii="Arial" w:hAnsi="Arial" w:cs="Arial"/>
          <w:b/>
          <w:sz w:val="20"/>
          <w:szCs w:val="20"/>
        </w:rPr>
        <w:t xml:space="preserve"> NA</w:t>
      </w:r>
      <w:r w:rsidRPr="001359E0">
        <w:rPr>
          <w:rFonts w:ascii="Arial" w:hAnsi="Arial" w:cs="Arial"/>
          <w:b/>
          <w:sz w:val="20"/>
          <w:szCs w:val="20"/>
        </w:rPr>
        <w:t xml:space="preserve"> ESTAÇÃO</w:t>
      </w:r>
      <w:r w:rsidR="008C27FA" w:rsidRPr="001359E0">
        <w:rPr>
          <w:rFonts w:ascii="Arial" w:hAnsi="Arial" w:cs="Arial"/>
          <w:b/>
          <w:sz w:val="20"/>
          <w:szCs w:val="20"/>
        </w:rPr>
        <w:t xml:space="preserve"> 2026</w:t>
      </w:r>
      <w:r w:rsidRPr="001359E0">
        <w:rPr>
          <w:rFonts w:ascii="Arial" w:hAnsi="Arial" w:cs="Arial"/>
          <w:b/>
          <w:sz w:val="20"/>
          <w:szCs w:val="20"/>
        </w:rPr>
        <w:t>,</w:t>
      </w:r>
      <w:r w:rsidRPr="001359E0">
        <w:rPr>
          <w:rFonts w:ascii="Arial" w:hAnsi="Arial" w:cs="Arial"/>
          <w:sz w:val="20"/>
          <w:szCs w:val="20"/>
        </w:rPr>
        <w:t xml:space="preserve"> declaro que eu</w:t>
      </w:r>
    </w:p>
    <w:p w14:paraId="6239BD71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C258692" w14:textId="77777777" w:rsidR="008B0130" w:rsidRPr="001359E0" w:rsidRDefault="008B0130" w:rsidP="008B0130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Pessoa Física </w:t>
      </w:r>
      <w:proofErr w:type="gramStart"/>
      <w:r w:rsidRPr="001359E0">
        <w:rPr>
          <w:rFonts w:ascii="Arial" w:hAnsi="Arial" w:cs="Arial"/>
          <w:b/>
          <w:sz w:val="20"/>
          <w:szCs w:val="20"/>
        </w:rPr>
        <w:t xml:space="preserve">(  </w:t>
      </w:r>
      <w:proofErr w:type="gramEnd"/>
      <w:r w:rsidRPr="001359E0">
        <w:rPr>
          <w:rFonts w:ascii="Arial" w:hAnsi="Arial" w:cs="Arial"/>
          <w:b/>
          <w:sz w:val="20"/>
          <w:szCs w:val="20"/>
        </w:rPr>
        <w:t xml:space="preserve"> )</w:t>
      </w:r>
    </w:p>
    <w:p w14:paraId="26A865CF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Sr.(a) __________________________________________________________________________, _____________________ (naturalidade), _________________ (estado civil), ______________________ (profissão), portador da Carteira de Identidade nº _________________________, e do CPF/</w:t>
      </w:r>
      <w:proofErr w:type="spellStart"/>
      <w:r w:rsidRPr="001359E0">
        <w:rPr>
          <w:rFonts w:ascii="Arial" w:hAnsi="Arial" w:cs="Arial"/>
          <w:sz w:val="20"/>
          <w:szCs w:val="20"/>
        </w:rPr>
        <w:t>MFsob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o </w:t>
      </w:r>
      <w:r w:rsidRPr="001359E0">
        <w:rPr>
          <w:rStyle w:val="Refdecomentrio"/>
          <w:rFonts w:ascii="Arial" w:hAnsi="Arial" w:cs="Arial"/>
          <w:sz w:val="20"/>
          <w:szCs w:val="20"/>
        </w:rPr>
        <w:t>n</w:t>
      </w:r>
      <w:r w:rsidRPr="001359E0">
        <w:rPr>
          <w:rFonts w:ascii="Arial" w:hAnsi="Arial" w:cs="Arial"/>
          <w:sz w:val="20"/>
          <w:szCs w:val="20"/>
        </w:rPr>
        <w:t xml:space="preserve"> ° ____________________, </w:t>
      </w:r>
    </w:p>
    <w:p w14:paraId="255676B7" w14:textId="77777777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1150D05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1FA137AF" w14:textId="77777777" w:rsidR="008B0130" w:rsidRPr="001359E0" w:rsidRDefault="008B0130" w:rsidP="008B0130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Pessoa Jurídica ou MEI </w:t>
      </w:r>
      <w:proofErr w:type="gramStart"/>
      <w:r w:rsidRPr="001359E0">
        <w:rPr>
          <w:rFonts w:ascii="Arial" w:hAnsi="Arial" w:cs="Arial"/>
          <w:b/>
          <w:sz w:val="20"/>
          <w:szCs w:val="20"/>
        </w:rPr>
        <w:t xml:space="preserve">(  </w:t>
      </w:r>
      <w:proofErr w:type="gramEnd"/>
      <w:r w:rsidRPr="001359E0">
        <w:rPr>
          <w:rFonts w:ascii="Arial" w:hAnsi="Arial" w:cs="Arial"/>
          <w:b/>
          <w:sz w:val="20"/>
          <w:szCs w:val="20"/>
        </w:rPr>
        <w:t xml:space="preserve"> ): </w:t>
      </w:r>
    </w:p>
    <w:p w14:paraId="06E1F744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_____________________________________________________, pessoa jurídica de direito privado, inscrita no CNPJ/MF sob nº ______________________________, com sede (endereço residencial) na ____________________________________, em ___________________________________ (Cidade-UF), neste ato representada por seu (função) __________________________, Sr.(a) _____________________ ___________________________________, _____________________ (naturalidade), _________________ (estado civil), ______________________ (profissão), portador da Carteira de Identidade nº _________________________, e do CPF/MF n° _______________________________. </w:t>
      </w:r>
    </w:p>
    <w:p w14:paraId="25D79DA5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BC78C08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14:paraId="1154033C" w14:textId="77777777" w:rsidR="008B0130" w:rsidRPr="001359E0" w:rsidRDefault="008B0130" w:rsidP="008B0130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Comprometo-me a realizar as atividades constantes no item 5.2 e subitens do presente edital conforme cronograma abaixo, organizado em acordo com o SESC/PR. </w:t>
      </w:r>
    </w:p>
    <w:p w14:paraId="5F0CDB61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8B0130" w:rsidRPr="001359E0" w14:paraId="44D4DE78" w14:textId="77777777" w:rsidTr="00A7038F">
        <w:trPr>
          <w:trHeight w:val="1892"/>
        </w:trPr>
        <w:tc>
          <w:tcPr>
            <w:tcW w:w="10314" w:type="dxa"/>
            <w:vAlign w:val="center"/>
          </w:tcPr>
          <w:p w14:paraId="0B48F621" w14:textId="1405C913" w:rsidR="008B0130" w:rsidRPr="001359E0" w:rsidRDefault="008B0130" w:rsidP="008B0130">
            <w:pPr>
              <w:pStyle w:val="PargrafodaLista"/>
              <w:numPr>
                <w:ilvl w:val="1"/>
                <w:numId w:val="2"/>
              </w:numPr>
              <w:spacing w:line="360" w:lineRule="auto"/>
              <w:ind w:left="426" w:hanging="142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1359E0">
              <w:rPr>
                <w:rFonts w:ascii="Arial" w:eastAsia="Arial" w:hAnsi="Arial" w:cs="Arial"/>
                <w:sz w:val="20"/>
                <w:szCs w:val="20"/>
              </w:rPr>
              <w:t>Entreg</w:t>
            </w:r>
            <w:r w:rsidR="008C27FA" w:rsidRPr="001359E0">
              <w:rPr>
                <w:rFonts w:ascii="Arial" w:eastAsia="Arial" w:hAnsi="Arial" w:cs="Arial"/>
                <w:sz w:val="20"/>
                <w:szCs w:val="20"/>
              </w:rPr>
              <w:t>ue</w:t>
            </w:r>
            <w:r w:rsidRPr="001359E0">
              <w:rPr>
                <w:rFonts w:ascii="Arial" w:eastAsia="Arial" w:hAnsi="Arial" w:cs="Arial"/>
                <w:sz w:val="20"/>
                <w:szCs w:val="20"/>
              </w:rPr>
              <w:t xml:space="preserve"> os(as) arquivo(s) __________________________________________ </w:t>
            </w:r>
            <w:r w:rsidRPr="001359E0">
              <w:rPr>
                <w:rFonts w:ascii="Arial" w:hAnsi="Arial" w:cs="Arial"/>
                <w:sz w:val="20"/>
                <w:szCs w:val="20"/>
              </w:rPr>
              <w:t xml:space="preserve">em CMYK, 300 DPI, no formato </w:t>
            </w:r>
            <w:proofErr w:type="spellStart"/>
            <w:r w:rsidRPr="001359E0">
              <w:rPr>
                <w:rFonts w:ascii="Arial" w:hAnsi="Arial" w:cs="Arial"/>
                <w:sz w:val="20"/>
                <w:szCs w:val="20"/>
              </w:rPr>
              <w:t>Tiff</w:t>
            </w:r>
            <w:proofErr w:type="spellEnd"/>
            <w:r w:rsidRPr="001359E0">
              <w:rPr>
                <w:rFonts w:ascii="Arial" w:hAnsi="Arial" w:cs="Arial"/>
                <w:sz w:val="20"/>
                <w:szCs w:val="20"/>
              </w:rPr>
              <w:t xml:space="preserve">, JPG (em alta) ou PDF, no formato 90x120 orientação retrato. Não permitido PNG, para impressão pelo SESC/PR, conforme especificações do suporte, </w:t>
            </w:r>
            <w:r w:rsidRPr="001359E0">
              <w:rPr>
                <w:rFonts w:ascii="Arial" w:eastAsia="Arial" w:hAnsi="Arial" w:cs="Arial"/>
                <w:sz w:val="20"/>
                <w:szCs w:val="20"/>
              </w:rPr>
              <w:t xml:space="preserve">selecionada(s) pelo presente edital, </w:t>
            </w:r>
            <w:r w:rsidR="008C27FA" w:rsidRPr="001359E0">
              <w:rPr>
                <w:rFonts w:ascii="Arial" w:eastAsia="Arial" w:hAnsi="Arial" w:cs="Arial"/>
                <w:sz w:val="20"/>
                <w:szCs w:val="20"/>
              </w:rPr>
              <w:t>no ato da inscrição</w:t>
            </w:r>
            <w:r w:rsidRPr="001359E0">
              <w:rPr>
                <w:rFonts w:ascii="Arial" w:eastAsia="Arial" w:hAnsi="Arial" w:cs="Arial"/>
                <w:sz w:val="20"/>
                <w:szCs w:val="20"/>
              </w:rPr>
              <w:t xml:space="preserve">, para integrar mostras coletivas que serão realizadas </w:t>
            </w:r>
            <w:r w:rsidRPr="001359E0">
              <w:rPr>
                <w:rFonts w:ascii="Arial" w:hAnsi="Arial" w:cs="Arial"/>
                <w:sz w:val="20"/>
                <w:szCs w:val="20"/>
              </w:rPr>
              <w:t xml:space="preserve">nos painéis expositores da plataforma </w:t>
            </w:r>
            <w:r w:rsidRPr="001359E0">
              <w:rPr>
                <w:rFonts w:ascii="Arial" w:eastAsia="Arial" w:hAnsi="Arial" w:cs="Arial"/>
                <w:sz w:val="20"/>
                <w:szCs w:val="20"/>
              </w:rPr>
              <w:t xml:space="preserve">da Unidade de Serviços SESC ESTAÇÃO SAUDADE.  </w:t>
            </w:r>
          </w:p>
          <w:p w14:paraId="0916F3F5" w14:textId="77777777" w:rsidR="008B0130" w:rsidRPr="001359E0" w:rsidRDefault="008B0130" w:rsidP="00A7038F">
            <w:pPr>
              <w:pStyle w:val="PargrafodaLista"/>
              <w:rPr>
                <w:rFonts w:ascii="Arial" w:hAnsi="Arial" w:cs="Arial"/>
                <w:sz w:val="20"/>
                <w:szCs w:val="20"/>
              </w:rPr>
            </w:pPr>
          </w:p>
          <w:p w14:paraId="42B56AF4" w14:textId="37046D3F" w:rsidR="008B0130" w:rsidRPr="001359E0" w:rsidRDefault="008B0130" w:rsidP="001C46A7">
            <w:pPr>
              <w:pStyle w:val="PargrafodaLista"/>
              <w:numPr>
                <w:ilvl w:val="0"/>
                <w:numId w:val="2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1359E0">
              <w:rPr>
                <w:rFonts w:ascii="Arial" w:hAnsi="Arial" w:cs="Arial"/>
                <w:sz w:val="20"/>
                <w:szCs w:val="20"/>
              </w:rPr>
              <w:t xml:space="preserve">Autorizo o SESC/PR a imprimir e reimprimir as obras selecionadas, para veiculação exclusiva na exposição em questão.  </w:t>
            </w:r>
          </w:p>
        </w:tc>
      </w:tr>
    </w:tbl>
    <w:p w14:paraId="3567748A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5CEEAEE5" w14:textId="77777777" w:rsidR="008B0130" w:rsidRPr="001359E0" w:rsidRDefault="008B0130" w:rsidP="008B0130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4BB85C16" w14:textId="2887BABD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trike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Pela</w:t>
      </w:r>
      <w:r w:rsidR="00AA70C6" w:rsidRPr="001359E0">
        <w:rPr>
          <w:rFonts w:ascii="Arial" w:hAnsi="Arial" w:cs="Arial"/>
          <w:sz w:val="20"/>
          <w:szCs w:val="20"/>
        </w:rPr>
        <w:t xml:space="preserve"> execução</w:t>
      </w:r>
      <w:r w:rsidRPr="001359E0">
        <w:rPr>
          <w:rFonts w:ascii="Arial" w:hAnsi="Arial" w:cs="Arial"/>
          <w:sz w:val="20"/>
          <w:szCs w:val="20"/>
        </w:rPr>
        <w:t xml:space="preserve"> do objeto do presente do Edital disposto no item 5.2, declaro </w:t>
      </w:r>
      <w:r w:rsidRPr="001359E0">
        <w:rPr>
          <w:rFonts w:ascii="Arial" w:hAnsi="Arial" w:cs="Arial"/>
          <w:b/>
          <w:sz w:val="20"/>
          <w:szCs w:val="20"/>
        </w:rPr>
        <w:t>aceite ao pagamento</w:t>
      </w:r>
      <w:r w:rsidRPr="001359E0">
        <w:rPr>
          <w:rFonts w:ascii="Arial" w:hAnsi="Arial" w:cs="Arial"/>
          <w:sz w:val="20"/>
          <w:szCs w:val="20"/>
        </w:rPr>
        <w:t xml:space="preserve"> </w:t>
      </w:r>
      <w:r w:rsidRPr="001359E0">
        <w:rPr>
          <w:rFonts w:ascii="Arial" w:hAnsi="Arial" w:cs="Arial"/>
          <w:b/>
          <w:sz w:val="20"/>
          <w:szCs w:val="20"/>
        </w:rPr>
        <w:t>do valor bruto</w:t>
      </w:r>
      <w:r w:rsidRPr="001359E0">
        <w:rPr>
          <w:rFonts w:ascii="Arial" w:hAnsi="Arial" w:cs="Arial"/>
          <w:sz w:val="20"/>
          <w:szCs w:val="20"/>
        </w:rPr>
        <w:t xml:space="preserve"> de </w:t>
      </w:r>
      <w:r w:rsidRPr="001359E0">
        <w:rPr>
          <w:rFonts w:ascii="Arial" w:hAnsi="Arial" w:cs="Arial"/>
          <w:b/>
          <w:sz w:val="20"/>
          <w:szCs w:val="20"/>
        </w:rPr>
        <w:t>R$ 1.</w:t>
      </w:r>
      <w:r w:rsidR="008C27FA" w:rsidRPr="001359E0">
        <w:rPr>
          <w:rFonts w:ascii="Arial" w:hAnsi="Arial" w:cs="Arial"/>
          <w:b/>
          <w:sz w:val="20"/>
          <w:szCs w:val="20"/>
        </w:rPr>
        <w:t>25</w:t>
      </w:r>
      <w:r w:rsidRPr="001359E0">
        <w:rPr>
          <w:rFonts w:ascii="Arial" w:hAnsi="Arial" w:cs="Arial"/>
          <w:b/>
          <w:sz w:val="20"/>
          <w:szCs w:val="20"/>
        </w:rPr>
        <w:t xml:space="preserve">0 (mil </w:t>
      </w:r>
      <w:r w:rsidR="008C27FA" w:rsidRPr="001359E0">
        <w:rPr>
          <w:rFonts w:ascii="Arial" w:hAnsi="Arial" w:cs="Arial"/>
          <w:b/>
          <w:sz w:val="20"/>
          <w:szCs w:val="20"/>
        </w:rPr>
        <w:t xml:space="preserve">duzentos e cinquenta </w:t>
      </w:r>
      <w:r w:rsidRPr="001359E0">
        <w:rPr>
          <w:rFonts w:ascii="Arial" w:hAnsi="Arial" w:cs="Arial"/>
          <w:b/>
          <w:sz w:val="20"/>
          <w:szCs w:val="20"/>
        </w:rPr>
        <w:t xml:space="preserve">reais), </w:t>
      </w:r>
      <w:r w:rsidRPr="001359E0">
        <w:rPr>
          <w:rFonts w:ascii="Arial" w:hAnsi="Arial" w:cs="Arial"/>
          <w:sz w:val="20"/>
          <w:szCs w:val="20"/>
        </w:rPr>
        <w:t>em razão da retenção dos tributos e contribuições, na forma de legislação vigente, mediante apresentação de Comprovante Fiscal (Nota Fiscal ou R</w:t>
      </w:r>
      <w:r w:rsidR="001C46A7" w:rsidRPr="001359E0">
        <w:rPr>
          <w:rFonts w:ascii="Arial" w:hAnsi="Arial" w:cs="Arial"/>
          <w:sz w:val="20"/>
          <w:szCs w:val="20"/>
        </w:rPr>
        <w:t xml:space="preserve">ecibo de </w:t>
      </w:r>
      <w:r w:rsidRPr="001359E0">
        <w:rPr>
          <w:rFonts w:ascii="Arial" w:hAnsi="Arial" w:cs="Arial"/>
          <w:sz w:val="20"/>
          <w:szCs w:val="20"/>
        </w:rPr>
        <w:t>P</w:t>
      </w:r>
      <w:r w:rsidR="001C46A7" w:rsidRPr="001359E0">
        <w:rPr>
          <w:rFonts w:ascii="Arial" w:hAnsi="Arial" w:cs="Arial"/>
          <w:sz w:val="20"/>
          <w:szCs w:val="20"/>
        </w:rPr>
        <w:t xml:space="preserve">agamento a </w:t>
      </w:r>
      <w:r w:rsidRPr="001359E0">
        <w:rPr>
          <w:rFonts w:ascii="Arial" w:hAnsi="Arial" w:cs="Arial"/>
          <w:sz w:val="20"/>
          <w:szCs w:val="20"/>
        </w:rPr>
        <w:t>A</w:t>
      </w:r>
      <w:r w:rsidR="001C46A7" w:rsidRPr="001359E0">
        <w:rPr>
          <w:rFonts w:ascii="Arial" w:hAnsi="Arial" w:cs="Arial"/>
          <w:sz w:val="20"/>
          <w:szCs w:val="20"/>
        </w:rPr>
        <w:t>utônomo</w:t>
      </w:r>
      <w:r w:rsidRPr="001359E0">
        <w:rPr>
          <w:rFonts w:ascii="Arial" w:hAnsi="Arial" w:cs="Arial"/>
          <w:sz w:val="20"/>
          <w:szCs w:val="20"/>
        </w:rPr>
        <w:t>) ao SESC/PR. Declaro ciência de que o valor especificado restringe-se ao</w:t>
      </w:r>
      <w:r w:rsidR="00573D9E" w:rsidRPr="001359E0">
        <w:rPr>
          <w:rFonts w:ascii="Arial" w:hAnsi="Arial" w:cs="Arial"/>
          <w:sz w:val="20"/>
          <w:szCs w:val="20"/>
        </w:rPr>
        <w:t xml:space="preserve"> pagamento</w:t>
      </w:r>
      <w:r w:rsidRPr="001359E0">
        <w:rPr>
          <w:rFonts w:ascii="Arial" w:hAnsi="Arial" w:cs="Arial"/>
          <w:sz w:val="20"/>
          <w:szCs w:val="20"/>
        </w:rPr>
        <w:t xml:space="preserve"> pela realização do objeto do presente Edital, cabendo exclusivamente ao selecionado arcar, às suas expensas, com quaisquer custos de produção na produção da obra inscrita.  </w:t>
      </w:r>
    </w:p>
    <w:p w14:paraId="7AB18A1C" w14:textId="359D1AC6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trike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lastRenderedPageBreak/>
        <w:t>Declaro ciência de que todos os documentos deverão estar vigentes e poderão ser diligenciados pelo SESC/PR para serem atestadas suas autenticidades. Declaro ainda estar ciente de que o SESC/PR poderá solicitar eventual atualização de documentos, caso seja necessário à</w:t>
      </w:r>
      <w:r w:rsidR="00573D9E" w:rsidRPr="001359E0">
        <w:rPr>
          <w:rFonts w:ascii="Arial" w:hAnsi="Arial" w:cs="Arial"/>
          <w:sz w:val="20"/>
          <w:szCs w:val="20"/>
        </w:rPr>
        <w:t xml:space="preserve"> participação no projeto</w:t>
      </w:r>
      <w:r w:rsidR="001359E0" w:rsidRPr="001359E0">
        <w:rPr>
          <w:rFonts w:ascii="Arial" w:hAnsi="Arial" w:cs="Arial"/>
          <w:sz w:val="20"/>
          <w:szCs w:val="20"/>
        </w:rPr>
        <w:t>.</w:t>
      </w:r>
    </w:p>
    <w:p w14:paraId="66A66B4D" w14:textId="65EC4673" w:rsidR="00EF1C3C" w:rsidRPr="001359E0" w:rsidRDefault="008B0130" w:rsidP="00EF1C3C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Estou ciente de que a </w:t>
      </w:r>
      <w:r w:rsidR="009A6A4B" w:rsidRPr="001359E0">
        <w:rPr>
          <w:rFonts w:ascii="Arial" w:hAnsi="Arial" w:cs="Arial"/>
          <w:sz w:val="20"/>
          <w:szCs w:val="20"/>
        </w:rPr>
        <w:t xml:space="preserve">participação o projeto </w:t>
      </w:r>
      <w:r w:rsidRPr="001359E0">
        <w:rPr>
          <w:rFonts w:ascii="Arial" w:hAnsi="Arial" w:cs="Arial"/>
          <w:sz w:val="20"/>
          <w:szCs w:val="20"/>
        </w:rPr>
        <w:t xml:space="preserve">poderá ser </w:t>
      </w:r>
      <w:r w:rsidR="008D38AD" w:rsidRPr="001359E0">
        <w:rPr>
          <w:rFonts w:ascii="Arial" w:hAnsi="Arial" w:cs="Arial"/>
          <w:sz w:val="20"/>
          <w:szCs w:val="20"/>
        </w:rPr>
        <w:t>cancelado</w:t>
      </w:r>
      <w:r w:rsidRPr="001359E0">
        <w:rPr>
          <w:rFonts w:ascii="Arial" w:hAnsi="Arial" w:cs="Arial"/>
          <w:sz w:val="20"/>
          <w:szCs w:val="20"/>
        </w:rPr>
        <w:t xml:space="preserve"> em caso de violação de quaisquer condições dispostas no Edital e no presente Termo, sem prejuízo de eventual indenização cabível e aplicação das sanções previstas neste instrumento.</w:t>
      </w:r>
      <w:r w:rsidR="00EF1C3C" w:rsidRPr="001359E0">
        <w:rPr>
          <w:rFonts w:ascii="Arial" w:hAnsi="Arial" w:cs="Arial"/>
          <w:sz w:val="20"/>
          <w:szCs w:val="20"/>
        </w:rPr>
        <w:t xml:space="preserve"> A inexecução total ou parcial injustificada, a execução deficiente, irregular ou inadequada do objeto selecionado, assim como o descumprimento das condições estipuladas, sujeitará o PARTICIPANTE SELECIONADO(A) à penalidade de suspensão temporária, por período não superior a 03 (três) anos, do direito de contratar com o SESC/PR</w:t>
      </w:r>
      <w:r w:rsidR="008D38AD">
        <w:rPr>
          <w:rFonts w:ascii="Arial" w:hAnsi="Arial" w:cs="Arial"/>
          <w:sz w:val="20"/>
          <w:szCs w:val="20"/>
        </w:rPr>
        <w:t>, bem como quaisquer outras previstas no edital</w:t>
      </w:r>
      <w:r w:rsidR="00EF1C3C" w:rsidRPr="001359E0">
        <w:rPr>
          <w:rFonts w:ascii="Arial" w:hAnsi="Arial" w:cs="Arial"/>
          <w:sz w:val="20"/>
          <w:szCs w:val="20"/>
        </w:rPr>
        <w:t xml:space="preserve">. </w:t>
      </w:r>
    </w:p>
    <w:p w14:paraId="5C80B373" w14:textId="77777777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14:paraId="507117BF" w14:textId="77777777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14:paraId="1DA8D37B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14:paraId="70C5C808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1359E0">
        <w:rPr>
          <w:rFonts w:ascii="Arial" w:hAnsi="Arial" w:cs="Arial"/>
          <w:sz w:val="20"/>
          <w:szCs w:val="20"/>
        </w:rPr>
        <w:t>de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_______.</w:t>
      </w:r>
    </w:p>
    <w:p w14:paraId="6E97DD81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3198EC8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16875E4F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Nome completo:  ____________________________________________</w:t>
      </w:r>
    </w:p>
    <w:p w14:paraId="6239B365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AA41A75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6497E281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31D94D33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Assinatura: _________________________________________________</w:t>
      </w:r>
    </w:p>
    <w:p w14:paraId="78736B4D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EE857A3" w14:textId="77777777" w:rsidR="008B0130" w:rsidRPr="001359E0" w:rsidRDefault="008B0130" w:rsidP="008B0130">
      <w:pPr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br/>
      </w:r>
    </w:p>
    <w:p w14:paraId="3277135C" w14:textId="77777777" w:rsidR="008B0130" w:rsidRPr="001359E0" w:rsidRDefault="008B0130" w:rsidP="008B0130">
      <w:pPr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br w:type="page"/>
      </w:r>
    </w:p>
    <w:p w14:paraId="1D2E6FBD" w14:textId="41A44C3C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lastRenderedPageBreak/>
        <w:t xml:space="preserve">ANEXO IX – </w:t>
      </w:r>
      <w:r w:rsidR="00773EEA" w:rsidRPr="001359E0">
        <w:rPr>
          <w:rFonts w:ascii="Arial" w:hAnsi="Arial" w:cs="Arial"/>
          <w:b/>
          <w:sz w:val="20"/>
          <w:szCs w:val="20"/>
        </w:rPr>
        <w:t xml:space="preserve">DECLARAÇÃO </w:t>
      </w:r>
      <w:r w:rsidRPr="001359E0">
        <w:rPr>
          <w:rFonts w:ascii="Arial" w:hAnsi="Arial" w:cs="Arial"/>
          <w:b/>
          <w:sz w:val="20"/>
          <w:szCs w:val="20"/>
        </w:rPr>
        <w:t>DE NÃO PARENTESCO</w:t>
      </w:r>
    </w:p>
    <w:p w14:paraId="19816BCC" w14:textId="77777777" w:rsidR="008B0130" w:rsidRPr="001359E0" w:rsidRDefault="008B0130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>(A ser assinada somente pelos artistas selecionados)</w:t>
      </w:r>
    </w:p>
    <w:p w14:paraId="778F9DF7" w14:textId="77777777" w:rsidR="00773EEA" w:rsidRPr="001359E0" w:rsidRDefault="00773EEA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359E0" w:rsidRPr="001359E0" w14:paraId="6444E15A" w14:textId="77777777" w:rsidTr="00106FB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22A2C7D2" w14:textId="77777777" w:rsidR="00773EEA" w:rsidRPr="001359E0" w:rsidRDefault="00773EEA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PROJETO ARTE NA ESTAÇÃO 2026</w:t>
            </w:r>
          </w:p>
          <w:p w14:paraId="59D89123" w14:textId="77777777" w:rsidR="00773EEA" w:rsidRPr="001359E0" w:rsidRDefault="00773EEA" w:rsidP="00106FB4">
            <w:pPr>
              <w:jc w:val="center"/>
              <w:rPr>
                <w:color w:val="auto"/>
                <w:sz w:val="20"/>
                <w:szCs w:val="20"/>
              </w:rPr>
            </w:pPr>
            <w:r w:rsidRPr="001359E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14:paraId="73DA8EBC" w14:textId="77777777" w:rsidR="00773EEA" w:rsidRPr="001359E0" w:rsidRDefault="00773EEA" w:rsidP="008B013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14:paraId="15112530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66648FC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AO </w:t>
      </w:r>
    </w:p>
    <w:p w14:paraId="4D0AD558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SERVIÇO SOCIAL DO COMÉRCIO – Unidade de Serviços SESC ESTAÇÃO SAUDADE: </w:t>
      </w:r>
    </w:p>
    <w:p w14:paraId="33A77D17" w14:textId="77777777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3B76B951" w14:textId="6E0E6DD2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Em atendimento ao disposto no </w:t>
      </w:r>
      <w:r w:rsidRPr="001359E0">
        <w:rPr>
          <w:rFonts w:ascii="Arial" w:hAnsi="Arial" w:cs="Arial"/>
          <w:b/>
          <w:sz w:val="20"/>
          <w:szCs w:val="20"/>
        </w:rPr>
        <w:t xml:space="preserve">EDITAL DE SELEÇÃO </w:t>
      </w:r>
      <w:r w:rsidR="008C27FA" w:rsidRPr="001359E0">
        <w:rPr>
          <w:rFonts w:ascii="Arial" w:hAnsi="Arial" w:cs="Arial"/>
          <w:b/>
          <w:sz w:val="20"/>
          <w:szCs w:val="20"/>
        </w:rPr>
        <w:t>ARTE</w:t>
      </w:r>
      <w:r w:rsidR="003D0216" w:rsidRPr="001359E0">
        <w:rPr>
          <w:rFonts w:ascii="Arial" w:hAnsi="Arial" w:cs="Arial"/>
          <w:b/>
          <w:sz w:val="20"/>
          <w:szCs w:val="20"/>
        </w:rPr>
        <w:t xml:space="preserve"> NA</w:t>
      </w:r>
      <w:r w:rsidRPr="001359E0">
        <w:rPr>
          <w:rFonts w:ascii="Arial" w:hAnsi="Arial" w:cs="Arial"/>
          <w:b/>
          <w:sz w:val="20"/>
          <w:szCs w:val="20"/>
        </w:rPr>
        <w:t xml:space="preserve"> ESTAÇÃO</w:t>
      </w:r>
      <w:r w:rsidR="008C27FA" w:rsidRPr="001359E0">
        <w:rPr>
          <w:rFonts w:ascii="Arial" w:hAnsi="Arial" w:cs="Arial"/>
          <w:b/>
          <w:sz w:val="20"/>
          <w:szCs w:val="20"/>
        </w:rPr>
        <w:t xml:space="preserve"> 2026</w:t>
      </w:r>
      <w:r w:rsidRPr="001359E0">
        <w:rPr>
          <w:rFonts w:ascii="Arial" w:hAnsi="Arial" w:cs="Arial"/>
          <w:b/>
          <w:sz w:val="20"/>
          <w:szCs w:val="20"/>
        </w:rPr>
        <w:t>,</w:t>
      </w:r>
      <w:r w:rsidRPr="001359E0">
        <w:rPr>
          <w:rFonts w:ascii="Arial" w:hAnsi="Arial" w:cs="Arial"/>
          <w:sz w:val="20"/>
          <w:szCs w:val="20"/>
        </w:rPr>
        <w:t xml:space="preserve"> declaro que eu</w:t>
      </w:r>
    </w:p>
    <w:p w14:paraId="54B029B9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053D7B1F" w14:textId="77777777" w:rsidR="008B0130" w:rsidRPr="001359E0" w:rsidRDefault="008B0130" w:rsidP="008B0130">
      <w:pPr>
        <w:pStyle w:val="PargrafodaLista"/>
        <w:numPr>
          <w:ilvl w:val="0"/>
          <w:numId w:val="5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Pessoa Física </w:t>
      </w:r>
      <w:proofErr w:type="gramStart"/>
      <w:r w:rsidRPr="001359E0">
        <w:rPr>
          <w:rFonts w:ascii="Arial" w:hAnsi="Arial" w:cs="Arial"/>
          <w:b/>
          <w:sz w:val="20"/>
          <w:szCs w:val="20"/>
        </w:rPr>
        <w:t xml:space="preserve">(  </w:t>
      </w:r>
      <w:proofErr w:type="gramEnd"/>
      <w:r w:rsidRPr="001359E0">
        <w:rPr>
          <w:rFonts w:ascii="Arial" w:hAnsi="Arial" w:cs="Arial"/>
          <w:b/>
          <w:sz w:val="20"/>
          <w:szCs w:val="20"/>
        </w:rPr>
        <w:t xml:space="preserve"> )</w:t>
      </w:r>
    </w:p>
    <w:p w14:paraId="22A910BB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Sr.(a) __________________________________________________________________________, _____________________ (naturalidade), _________________ (estado civil), ______________________ (profissão), portador da Carteira de Identidade nº _________________________, e do CPF/</w:t>
      </w:r>
      <w:proofErr w:type="spellStart"/>
      <w:r w:rsidRPr="001359E0">
        <w:rPr>
          <w:rFonts w:ascii="Arial" w:hAnsi="Arial" w:cs="Arial"/>
          <w:sz w:val="20"/>
          <w:szCs w:val="20"/>
        </w:rPr>
        <w:t>MFsob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o </w:t>
      </w:r>
      <w:r w:rsidRPr="001359E0">
        <w:rPr>
          <w:rStyle w:val="Refdecomentrio"/>
          <w:rFonts w:ascii="Arial" w:hAnsi="Arial" w:cs="Arial"/>
          <w:sz w:val="20"/>
          <w:szCs w:val="20"/>
        </w:rPr>
        <w:t>n</w:t>
      </w:r>
      <w:r w:rsidRPr="001359E0">
        <w:rPr>
          <w:rFonts w:ascii="Arial" w:hAnsi="Arial" w:cs="Arial"/>
          <w:sz w:val="20"/>
          <w:szCs w:val="20"/>
        </w:rPr>
        <w:t xml:space="preserve"> ° ____________________, </w:t>
      </w:r>
    </w:p>
    <w:p w14:paraId="4AF39FD0" w14:textId="77777777" w:rsidR="008B0130" w:rsidRPr="001359E0" w:rsidRDefault="008B0130" w:rsidP="008B013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7F46CC25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5A12A29F" w14:textId="77777777" w:rsidR="008B0130" w:rsidRPr="001359E0" w:rsidRDefault="008B0130" w:rsidP="008B0130">
      <w:pPr>
        <w:pStyle w:val="PargrafodaLista"/>
        <w:numPr>
          <w:ilvl w:val="0"/>
          <w:numId w:val="5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1359E0">
        <w:rPr>
          <w:rFonts w:ascii="Arial" w:hAnsi="Arial" w:cs="Arial"/>
          <w:b/>
          <w:sz w:val="20"/>
          <w:szCs w:val="20"/>
        </w:rPr>
        <w:t xml:space="preserve">Pessoa Jurídica ou MEI </w:t>
      </w:r>
      <w:proofErr w:type="gramStart"/>
      <w:r w:rsidRPr="001359E0">
        <w:rPr>
          <w:rFonts w:ascii="Arial" w:hAnsi="Arial" w:cs="Arial"/>
          <w:b/>
          <w:sz w:val="20"/>
          <w:szCs w:val="20"/>
        </w:rPr>
        <w:t xml:space="preserve">(  </w:t>
      </w:r>
      <w:proofErr w:type="gramEnd"/>
      <w:r w:rsidRPr="001359E0">
        <w:rPr>
          <w:rFonts w:ascii="Arial" w:hAnsi="Arial" w:cs="Arial"/>
          <w:b/>
          <w:sz w:val="20"/>
          <w:szCs w:val="20"/>
        </w:rPr>
        <w:t xml:space="preserve"> ): </w:t>
      </w:r>
    </w:p>
    <w:p w14:paraId="17F59F48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_____________________________________________________, pessoa jurídica de direito privado, inscrita no CNPJ/MF sob nº ______________________________, com sede (endereço residencial) na ____________________________________, em ___________________________________ (Cidade-UF), neste ato representada por seu (função) __________________________, Sr.(a) _____________________ ___________________________________, _____________________ (naturalidade), _________________ (estado civil), ______________________ (profissão), portador da Carteira de Identidade nº _________________________, e do CPF/MF n° _______________________________. </w:t>
      </w:r>
    </w:p>
    <w:p w14:paraId="44EC47C0" w14:textId="77777777" w:rsidR="008B0130" w:rsidRPr="001359E0" w:rsidRDefault="008B0130" w:rsidP="008B0130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37896C3D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14:paraId="2E0A31AF" w14:textId="77777777" w:rsidR="008B0130" w:rsidRPr="001359E0" w:rsidRDefault="008B0130" w:rsidP="008B0130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  <w:shd w:val="clear" w:color="auto" w:fill="FFFFFF"/>
        </w:rPr>
      </w:pPr>
      <w:r w:rsidRPr="001359E0">
        <w:rPr>
          <w:rFonts w:ascii="Arial" w:hAnsi="Arial" w:cs="Arial"/>
          <w:sz w:val="20"/>
          <w:szCs w:val="20"/>
          <w:shd w:val="clear" w:color="auto" w:fill="FFFFFF"/>
        </w:rPr>
        <w:t>DECLARO, para todos os efeitos legais, que não possuo parentesco civil, consanguíneo ou afim, até o terceiro grau, com funcionário do SESC, SENAC ou FECOMÉRCIO, com o presidente e demais membros efetivos e suplentes do conselho nacional, do conselho fiscal ou dos conselhos regionais do SESC, SENAC e FECOMÉRCIO, de dirigentes de entidades sindicais ou civis do comércio, patronais ou de empregados.</w:t>
      </w:r>
    </w:p>
    <w:p w14:paraId="5820D207" w14:textId="570D6386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Estou ciente de que a</w:t>
      </w:r>
      <w:r w:rsidR="002662FC" w:rsidRPr="001359E0">
        <w:rPr>
          <w:rFonts w:ascii="Arial" w:hAnsi="Arial" w:cs="Arial"/>
          <w:sz w:val="20"/>
          <w:szCs w:val="20"/>
        </w:rPr>
        <w:t xml:space="preserve"> participação no projeto </w:t>
      </w:r>
      <w:r w:rsidRPr="001359E0">
        <w:rPr>
          <w:rFonts w:ascii="Arial" w:hAnsi="Arial" w:cs="Arial"/>
          <w:sz w:val="20"/>
          <w:szCs w:val="20"/>
        </w:rPr>
        <w:t>poderá ser cancelada em caso de violação de quaisquer condições dispostas no edital e no presente termo, sem prejuízo de eventual indenização cabível e aplicação das sanções previstas neste instrumento.</w:t>
      </w:r>
    </w:p>
    <w:p w14:paraId="7E262D02" w14:textId="77777777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14:paraId="19999719" w14:textId="77777777" w:rsidR="008B0130" w:rsidRPr="001359E0" w:rsidRDefault="008B0130" w:rsidP="008B013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14:paraId="344646D1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14:paraId="07178444" w14:textId="77777777" w:rsidR="008B0130" w:rsidRPr="001359E0" w:rsidRDefault="008B0130" w:rsidP="008B013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1359E0">
        <w:rPr>
          <w:rFonts w:ascii="Arial" w:hAnsi="Arial" w:cs="Arial"/>
          <w:sz w:val="20"/>
          <w:szCs w:val="20"/>
        </w:rPr>
        <w:t>de</w:t>
      </w:r>
      <w:proofErr w:type="spellEnd"/>
      <w:r w:rsidRPr="001359E0">
        <w:rPr>
          <w:rFonts w:ascii="Arial" w:hAnsi="Arial" w:cs="Arial"/>
          <w:sz w:val="20"/>
          <w:szCs w:val="20"/>
        </w:rPr>
        <w:t xml:space="preserve"> _______.</w:t>
      </w:r>
    </w:p>
    <w:p w14:paraId="2C39CAFE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402D4525" w14:textId="77777777" w:rsidR="008B0130" w:rsidRPr="001359E0" w:rsidRDefault="008B0130" w:rsidP="008B013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Nome completo:  ____________________________________________</w:t>
      </w:r>
    </w:p>
    <w:p w14:paraId="23C2723D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75A540CF" w14:textId="77777777" w:rsidR="008B0130" w:rsidRPr="001359E0" w:rsidRDefault="008B0130" w:rsidP="008B013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14:paraId="5FB43D4F" w14:textId="77777777" w:rsidR="008B0130" w:rsidRPr="001359E0" w:rsidRDefault="008B0130" w:rsidP="008B013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1359E0">
        <w:rPr>
          <w:rFonts w:ascii="Arial" w:hAnsi="Arial" w:cs="Arial"/>
          <w:sz w:val="20"/>
          <w:szCs w:val="20"/>
        </w:rPr>
        <w:t>Assinatura: _________________________________________________</w:t>
      </w:r>
    </w:p>
    <w:p w14:paraId="20A0E022" w14:textId="77777777" w:rsidR="008B0130" w:rsidRPr="001359E0" w:rsidRDefault="008B0130" w:rsidP="008B0130">
      <w:pPr>
        <w:spacing w:after="0" w:line="360" w:lineRule="auto"/>
        <w:ind w:firstLine="851"/>
        <w:jc w:val="both"/>
        <w:rPr>
          <w:rFonts w:ascii="Arial" w:hAnsi="Arial" w:cs="Arial"/>
          <w:b/>
          <w:sz w:val="20"/>
          <w:szCs w:val="20"/>
        </w:rPr>
      </w:pPr>
    </w:p>
    <w:p w14:paraId="56C3496C" w14:textId="77777777" w:rsidR="008F6706" w:rsidRDefault="008F6706"/>
    <w:sectPr w:rsidR="008F6706" w:rsidSect="00C0057F">
      <w:headerReference w:type="default" r:id="rId13"/>
      <w:footerReference w:type="default" r:id="rId14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F14B27B" w14:textId="77777777" w:rsidR="00030724" w:rsidRDefault="00030724">
      <w:pPr>
        <w:spacing w:after="0" w:line="240" w:lineRule="auto"/>
      </w:pPr>
      <w:r>
        <w:separator/>
      </w:r>
    </w:p>
  </w:endnote>
  <w:endnote w:type="continuationSeparator" w:id="0">
    <w:p w14:paraId="01A4EC3C" w14:textId="77777777" w:rsidR="00030724" w:rsidRDefault="0003072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1932395128"/>
      <w:docPartObj>
        <w:docPartGallery w:val="Page Numbers (Bottom of Page)"/>
        <w:docPartUnique/>
      </w:docPartObj>
    </w:sdtPr>
    <w:sdtEndPr>
      <w:rPr>
        <w:rFonts w:ascii="Arial" w:hAnsi="Arial" w:cs="Arial"/>
      </w:rPr>
    </w:sdtEndPr>
    <w:sdtContent>
      <w:p w14:paraId="4A192989" w14:textId="77777777" w:rsidR="008C27FA" w:rsidRPr="00DE46AB" w:rsidRDefault="008B0130">
        <w:pPr>
          <w:pStyle w:val="Rodap"/>
          <w:jc w:val="right"/>
          <w:rPr>
            <w:rFonts w:ascii="Arial" w:hAnsi="Arial" w:cs="Arial"/>
          </w:rPr>
        </w:pPr>
        <w:r w:rsidRPr="00DE46AB">
          <w:rPr>
            <w:rFonts w:ascii="Arial" w:hAnsi="Arial" w:cs="Arial"/>
          </w:rPr>
          <w:fldChar w:fldCharType="begin"/>
        </w:r>
        <w:r w:rsidRPr="00DE46AB">
          <w:rPr>
            <w:rFonts w:ascii="Arial" w:hAnsi="Arial" w:cs="Arial"/>
          </w:rPr>
          <w:instrText>PAGE   \* MERGEFORMAT</w:instrText>
        </w:r>
        <w:r w:rsidRPr="00DE46AB">
          <w:rPr>
            <w:rFonts w:ascii="Arial" w:hAnsi="Arial" w:cs="Arial"/>
          </w:rPr>
          <w:fldChar w:fldCharType="separate"/>
        </w:r>
        <w:r>
          <w:rPr>
            <w:rFonts w:ascii="Arial" w:hAnsi="Arial" w:cs="Arial"/>
            <w:noProof/>
          </w:rPr>
          <w:t>1</w:t>
        </w:r>
        <w:r w:rsidRPr="00DE46AB">
          <w:rPr>
            <w:rFonts w:ascii="Arial" w:hAnsi="Arial" w:cs="Arial"/>
          </w:rPr>
          <w:fldChar w:fldCharType="end"/>
        </w:r>
      </w:p>
    </w:sdtContent>
  </w:sdt>
  <w:p w14:paraId="425B3CB8" w14:textId="77777777" w:rsidR="008C27FA" w:rsidRDefault="008C27FA">
    <w:pPr>
      <w:pStyle w:val="Rodap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2309432" w14:textId="77777777" w:rsidR="00030724" w:rsidRDefault="00030724">
      <w:pPr>
        <w:spacing w:after="0" w:line="240" w:lineRule="auto"/>
      </w:pPr>
      <w:r>
        <w:separator/>
      </w:r>
    </w:p>
  </w:footnote>
  <w:footnote w:type="continuationSeparator" w:id="0">
    <w:p w14:paraId="28F47802" w14:textId="77777777" w:rsidR="00030724" w:rsidRDefault="0003072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-476073904"/>
      <w:docPartObj>
        <w:docPartGallery w:val="Page Numbers (Top of Page)"/>
        <w:docPartUnique/>
      </w:docPartObj>
    </w:sdtPr>
    <w:sdtEndPr>
      <w:rPr>
        <w:rFonts w:ascii="Arial" w:hAnsi="Arial" w:cs="Arial"/>
      </w:rPr>
    </w:sdtEndPr>
    <w:sdtContent>
      <w:p w14:paraId="4FDEB5E9" w14:textId="77777777" w:rsidR="008C27FA" w:rsidRPr="00425D30" w:rsidRDefault="008B0130" w:rsidP="00784F70">
        <w:pPr>
          <w:pStyle w:val="Cabealho"/>
          <w:tabs>
            <w:tab w:val="clear" w:pos="8504"/>
            <w:tab w:val="right" w:pos="9072"/>
          </w:tabs>
          <w:ind w:right="-568"/>
          <w:jc w:val="center"/>
          <w:rPr>
            <w:rFonts w:ascii="Arial" w:hAnsi="Arial" w:cs="Arial"/>
          </w:rPr>
        </w:pPr>
        <w:r>
          <w:rPr>
            <w:noProof/>
            <w:lang w:eastAsia="pt-BR"/>
          </w:rPr>
          <w:drawing>
            <wp:inline distT="0" distB="0" distL="0" distR="0" wp14:anchorId="405A21E2" wp14:editId="5CD2AB59">
              <wp:extent cx="2724150" cy="470126"/>
              <wp:effectExtent l="0" t="0" r="0" b="6350"/>
              <wp:docPr id="2" name="Imagem 2" descr="R:\GCT\01 ÁREAS DE ATUAÇÃO\03 Audiovisual\MAYARA\logo_tradicional_sesc.png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R:\GCT\01 ÁREAS DE ATUAÇÃO\03 Audiovisual\MAYARA\logo_tradicional_sesc.png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732684" cy="47159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</wp:inline>
          </w:drawing>
        </w:r>
      </w:p>
    </w:sdtContent>
  </w:sdt>
  <w:p w14:paraId="2DF58D81" w14:textId="77777777" w:rsidR="008C27FA" w:rsidRDefault="008C27FA">
    <w:pPr>
      <w:pStyle w:val="Cabealh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3A5626C"/>
    <w:multiLevelType w:val="hybridMultilevel"/>
    <w:tmpl w:val="D450AE36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77C1ACC"/>
    <w:multiLevelType w:val="hybridMultilevel"/>
    <w:tmpl w:val="1E96D80A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43781CEB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B82010A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560865069">
    <w:abstractNumId w:val="2"/>
  </w:num>
  <w:num w:numId="2" w16cid:durableId="1974602118">
    <w:abstractNumId w:val="3"/>
  </w:num>
  <w:num w:numId="3" w16cid:durableId="1006443571">
    <w:abstractNumId w:val="1"/>
  </w:num>
  <w:num w:numId="4" w16cid:durableId="879319361">
    <w:abstractNumId w:val="0"/>
  </w:num>
  <w:num w:numId="5" w16cid:durableId="1359772351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DF34AD"/>
    <w:rsid w:val="00030724"/>
    <w:rsid w:val="001359E0"/>
    <w:rsid w:val="001C46A7"/>
    <w:rsid w:val="002317B2"/>
    <w:rsid w:val="002662FC"/>
    <w:rsid w:val="00283B22"/>
    <w:rsid w:val="002D3371"/>
    <w:rsid w:val="0038639B"/>
    <w:rsid w:val="003D0216"/>
    <w:rsid w:val="003E57A0"/>
    <w:rsid w:val="00457CB7"/>
    <w:rsid w:val="00467819"/>
    <w:rsid w:val="004A74C4"/>
    <w:rsid w:val="004D66BC"/>
    <w:rsid w:val="0053096A"/>
    <w:rsid w:val="00571FAB"/>
    <w:rsid w:val="00573D9E"/>
    <w:rsid w:val="005D5D9B"/>
    <w:rsid w:val="006D08A6"/>
    <w:rsid w:val="007225F2"/>
    <w:rsid w:val="0073440C"/>
    <w:rsid w:val="00735055"/>
    <w:rsid w:val="00741BCA"/>
    <w:rsid w:val="007573F5"/>
    <w:rsid w:val="00773EEA"/>
    <w:rsid w:val="007A0554"/>
    <w:rsid w:val="00874909"/>
    <w:rsid w:val="008A0611"/>
    <w:rsid w:val="008B0130"/>
    <w:rsid w:val="008C27FA"/>
    <w:rsid w:val="008D38AD"/>
    <w:rsid w:val="008D5643"/>
    <w:rsid w:val="008F6706"/>
    <w:rsid w:val="00941FDA"/>
    <w:rsid w:val="00944616"/>
    <w:rsid w:val="00946624"/>
    <w:rsid w:val="009676FE"/>
    <w:rsid w:val="009A6A4B"/>
    <w:rsid w:val="009B174D"/>
    <w:rsid w:val="009C0C96"/>
    <w:rsid w:val="009F22BB"/>
    <w:rsid w:val="00A13B63"/>
    <w:rsid w:val="00A21FC6"/>
    <w:rsid w:val="00A86BA9"/>
    <w:rsid w:val="00AA70C6"/>
    <w:rsid w:val="00B364DE"/>
    <w:rsid w:val="00B86AED"/>
    <w:rsid w:val="00C44EDC"/>
    <w:rsid w:val="00C56A30"/>
    <w:rsid w:val="00D208E9"/>
    <w:rsid w:val="00D346F8"/>
    <w:rsid w:val="00DA1DC9"/>
    <w:rsid w:val="00DB68D1"/>
    <w:rsid w:val="00DF34AD"/>
    <w:rsid w:val="00E20FDF"/>
    <w:rsid w:val="00E85180"/>
    <w:rsid w:val="00EA081E"/>
    <w:rsid w:val="00EA36DC"/>
    <w:rsid w:val="00EB48A8"/>
    <w:rsid w:val="00ED4C23"/>
    <w:rsid w:val="00EF1C3C"/>
    <w:rsid w:val="00F1142C"/>
    <w:rsid w:val="00F349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8749917"/>
  <w15:docId w15:val="{F3812673-69F0-46D4-962A-525274970E9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B0130"/>
  </w:style>
  <w:style w:type="paragraph" w:styleId="Ttulo1">
    <w:name w:val="heading 1"/>
    <w:basedOn w:val="Normal"/>
    <w:next w:val="Normal"/>
    <w:link w:val="Ttulo1Char"/>
    <w:qFormat/>
    <w:rsid w:val="008B0130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8B0130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link w:val="PargrafodaListaChar"/>
    <w:uiPriority w:val="34"/>
    <w:qFormat/>
    <w:rsid w:val="008B0130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8B013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8B0130"/>
  </w:style>
  <w:style w:type="paragraph" w:styleId="Rodap">
    <w:name w:val="footer"/>
    <w:basedOn w:val="Normal"/>
    <w:link w:val="RodapChar"/>
    <w:uiPriority w:val="99"/>
    <w:unhideWhenUsed/>
    <w:rsid w:val="008B013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8B0130"/>
  </w:style>
  <w:style w:type="table" w:styleId="Tabelacomgrade">
    <w:name w:val="Table Grid"/>
    <w:basedOn w:val="Tabelanormal"/>
    <w:uiPriority w:val="59"/>
    <w:rsid w:val="008B013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8B0130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8B013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8B0130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8B0130"/>
    <w:rPr>
      <w:sz w:val="16"/>
      <w:szCs w:val="16"/>
    </w:rPr>
  </w:style>
  <w:style w:type="character" w:customStyle="1" w:styleId="PargrafodaListaChar">
    <w:name w:val="Parágrafo da Lista Char"/>
    <w:basedOn w:val="Fontepargpadro"/>
    <w:link w:val="PargrafodaLista"/>
    <w:uiPriority w:val="34"/>
    <w:qFormat/>
    <w:locked/>
    <w:rsid w:val="008B0130"/>
  </w:style>
  <w:style w:type="paragraph" w:styleId="Textodebalo">
    <w:name w:val="Balloon Text"/>
    <w:basedOn w:val="Normal"/>
    <w:link w:val="TextodebaloChar"/>
    <w:uiPriority w:val="99"/>
    <w:semiHidden/>
    <w:unhideWhenUsed/>
    <w:rsid w:val="008B013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8B013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jpeg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1</TotalTime>
  <Pages>13</Pages>
  <Words>2723</Words>
  <Characters>14706</Characters>
  <Application>Microsoft Office Word</Application>
  <DocSecurity>0</DocSecurity>
  <Lines>122</Lines>
  <Paragraphs>3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173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ESSICA DE SOUZA LUZ</dc:creator>
  <cp:keywords/>
  <dc:description/>
  <cp:lastModifiedBy>JESSICA DE SOUZA LUZ</cp:lastModifiedBy>
  <cp:revision>48</cp:revision>
  <dcterms:created xsi:type="dcterms:W3CDTF">2024-11-18T13:36:00Z</dcterms:created>
  <dcterms:modified xsi:type="dcterms:W3CDTF">2025-12-18T13:02:00Z</dcterms:modified>
</cp:coreProperties>
</file>